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73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user\Downloads\"/>
    </mc:Choice>
  </mc:AlternateContent>
  <xr:revisionPtr revIDLastSave="0" documentId="13_ncr:1_{62042DCB-5EB5-480D-9298-6A08C688950B}" xr6:coauthVersionLast="47" xr6:coauthVersionMax="47" xr10:uidLastSave="{00000000-0000-0000-0000-000000000000}"/>
  <bookViews>
    <workbookView xWindow="-110" yWindow="-110" windowWidth="19420" windowHeight="11620" activeTab="1" xr2:uid="{00000000-000D-0000-FFFF-FFFF00000000}"/>
  </bookViews>
  <sheets>
    <sheet name="個人" sheetId="5" r:id="rId1"/>
    <sheet name="団体" sheetId="1" r:id="rId2"/>
  </sheets>
  <definedNames>
    <definedName name="_xlnm.Print_Area" localSheetId="1">団体!$A$1:$AH$71</definedName>
  </definedNames>
  <calcPr calcId="125725"/>
</workbook>
</file>

<file path=xl/sharedStrings.xml><?xml version="1.0" encoding="utf-8"?>
<sst xmlns="http://schemas.openxmlformats.org/spreadsheetml/2006/main" count="482" uniqueCount="85">
  <si>
    <t>*</t>
    <phoneticPr fontId="2"/>
  </si>
  <si>
    <t>Ｙ</t>
    <phoneticPr fontId="2"/>
  </si>
  <si>
    <t>Ｒ</t>
    <phoneticPr fontId="2"/>
  </si>
  <si>
    <t>Ｙ</t>
    <phoneticPr fontId="2"/>
  </si>
  <si>
    <t>Ａ</t>
    <phoneticPr fontId="2"/>
  </si>
  <si>
    <t>Ｂ</t>
    <phoneticPr fontId="2"/>
  </si>
  <si>
    <t>No.</t>
    <phoneticPr fontId="2"/>
  </si>
  <si>
    <t>所属</t>
    <rPh sb="0" eb="2">
      <t>ショゾク</t>
    </rPh>
    <phoneticPr fontId="2"/>
  </si>
  <si>
    <t>審判</t>
    <rPh sb="0" eb="2">
      <t>シンパン</t>
    </rPh>
    <phoneticPr fontId="2"/>
  </si>
  <si>
    <t>　ソフトテニス　ダブルス採点票（団体戦用）</t>
    <rPh sb="12" eb="14">
      <t>サイテン</t>
    </rPh>
    <rPh sb="14" eb="15">
      <t>ヒョウ</t>
    </rPh>
    <rPh sb="16" eb="20">
      <t>ダンタイセンヨウ</t>
    </rPh>
    <phoneticPr fontId="2"/>
  </si>
  <si>
    <t>(ｽｺｱ)
－</t>
    <phoneticPr fontId="2"/>
  </si>
  <si>
    <t>ﾌﾟﾚｰﾔｰ</t>
    <phoneticPr fontId="2"/>
  </si>
  <si>
    <t>第</t>
    <rPh sb="0" eb="1">
      <t>ダイ</t>
    </rPh>
    <phoneticPr fontId="2"/>
  </si>
  <si>
    <t>回戦</t>
    <rPh sb="0" eb="2">
      <t>カイセン</t>
    </rPh>
    <phoneticPr fontId="2"/>
  </si>
  <si>
    <t>進行</t>
    <rPh sb="0" eb="2">
      <t>シンコウ</t>
    </rPh>
    <phoneticPr fontId="2"/>
  </si>
  <si>
    <t>点検</t>
    <rPh sb="0" eb="2">
      <t>テンケン</t>
    </rPh>
    <phoneticPr fontId="2"/>
  </si>
  <si>
    <t>記録</t>
    <rPh sb="0" eb="2">
      <t>キロク</t>
    </rPh>
    <phoneticPr fontId="2"/>
  </si>
  <si>
    <t>種別</t>
    <rPh sb="0" eb="2">
      <t>シュベツ</t>
    </rPh>
    <phoneticPr fontId="2"/>
  </si>
  <si>
    <t>コート</t>
    <phoneticPr fontId="2"/>
  </si>
  <si>
    <t>プレーヤー</t>
    <phoneticPr fontId="2"/>
  </si>
  <si>
    <t>A</t>
    <phoneticPr fontId="2"/>
  </si>
  <si>
    <t>－</t>
    <phoneticPr fontId="2"/>
  </si>
  <si>
    <t>B</t>
    <phoneticPr fontId="2"/>
  </si>
  <si>
    <t>サイド</t>
    <phoneticPr fontId="2"/>
  </si>
  <si>
    <t>R</t>
    <phoneticPr fontId="2"/>
  </si>
  <si>
    <t>＊</t>
    <phoneticPr fontId="2"/>
  </si>
  <si>
    <t>Ｙ</t>
    <phoneticPr fontId="2"/>
  </si>
  <si>
    <t>Ｒ</t>
    <phoneticPr fontId="2"/>
  </si>
  <si>
    <t>タイム</t>
    <phoneticPr fontId="2"/>
  </si>
  <si>
    <t>A</t>
    <phoneticPr fontId="2"/>
  </si>
  <si>
    <t>・</t>
    <phoneticPr fontId="2"/>
  </si>
  <si>
    <t>B</t>
    <phoneticPr fontId="2"/>
  </si>
  <si>
    <t>－</t>
    <phoneticPr fontId="2"/>
  </si>
  <si>
    <t>兵庫県高等学校体育連盟ソフトテニス専門部</t>
    <rPh sb="0" eb="3">
      <t>ヒョウゴケン</t>
    </rPh>
    <rPh sb="3" eb="7">
      <t>コウトウガッコウ</t>
    </rPh>
    <rPh sb="7" eb="11">
      <t>タイイクレンメイ</t>
    </rPh>
    <rPh sb="17" eb="19">
      <t>センモン</t>
    </rPh>
    <rPh sb="19" eb="20">
      <t>ブ</t>
    </rPh>
    <phoneticPr fontId="2"/>
  </si>
  <si>
    <t>*</t>
    <phoneticPr fontId="2"/>
  </si>
  <si>
    <t>＊</t>
  </si>
  <si>
    <t>（スコア）</t>
    <phoneticPr fontId="2"/>
  </si>
  <si>
    <t>ソフトテニス　ダブルス採点票</t>
    <rPh sb="11" eb="13">
      <t>サイテン</t>
    </rPh>
    <rPh sb="13" eb="14">
      <t>ヒョウ</t>
    </rPh>
    <phoneticPr fontId="2"/>
  </si>
  <si>
    <t>副審</t>
    <rPh sb="0" eb="2">
      <t>フクシン</t>
    </rPh>
    <phoneticPr fontId="2"/>
  </si>
  <si>
    <t>正審</t>
    <rPh sb="0" eb="2">
      <t>セイシン</t>
    </rPh>
    <phoneticPr fontId="2"/>
  </si>
  <si>
    <t>線審</t>
    <rPh sb="0" eb="2">
      <t>センシン</t>
    </rPh>
    <phoneticPr fontId="2"/>
  </si>
  <si>
    <t>分</t>
    <rPh sb="0" eb="1">
      <t>フン</t>
    </rPh>
    <phoneticPr fontId="2"/>
  </si>
  <si>
    <t>：</t>
    <phoneticPr fontId="2"/>
  </si>
  <si>
    <t>開始</t>
    <rPh sb="0" eb="2">
      <t>カイシ</t>
    </rPh>
    <phoneticPr fontId="2"/>
  </si>
  <si>
    <t>終了</t>
    <phoneticPr fontId="2"/>
  </si>
  <si>
    <t>該当
事項</t>
    <rPh sb="0" eb="2">
      <t>ガイトウ</t>
    </rPh>
    <rPh sb="3" eb="5">
      <t>ジコウ</t>
    </rPh>
    <phoneticPr fontId="2"/>
  </si>
  <si>
    <t>勝者
サイン</t>
    <rPh sb="0" eb="2">
      <t>ショウシャ</t>
    </rPh>
    <phoneticPr fontId="2"/>
  </si>
  <si>
    <t>勝者
Ｎｏ．</t>
    <rPh sb="0" eb="2">
      <t>ショウシャ</t>
    </rPh>
    <phoneticPr fontId="2"/>
  </si>
  <si>
    <t>S</t>
  </si>
  <si>
    <t>- ① -</t>
    <phoneticPr fontId="2"/>
  </si>
  <si>
    <t>- ② -</t>
    <phoneticPr fontId="2"/>
  </si>
  <si>
    <t>- ③ -</t>
    <phoneticPr fontId="2"/>
  </si>
  <si>
    <t>- ④ -</t>
    <phoneticPr fontId="2"/>
  </si>
  <si>
    <t>- ⑤ -</t>
    <phoneticPr fontId="2"/>
  </si>
  <si>
    <t>- ⑥ -</t>
    <phoneticPr fontId="2"/>
  </si>
  <si>
    <t>- Ｆ -</t>
    <phoneticPr fontId="2"/>
  </si>
  <si>
    <t>(警告)</t>
    <rPh sb="1" eb="3">
      <t>ケイコク</t>
    </rPh>
    <phoneticPr fontId="2"/>
  </si>
  <si>
    <t>男　・　女</t>
    <rPh sb="0" eb="1">
      <t>オトコ</t>
    </rPh>
    <rPh sb="4" eb="5">
      <t>オンナ</t>
    </rPh>
    <phoneticPr fontId="2"/>
  </si>
  <si>
    <t>No</t>
    <phoneticPr fontId="2"/>
  </si>
  <si>
    <t>日</t>
    <rPh sb="0" eb="1">
      <t>ヒ</t>
    </rPh>
    <phoneticPr fontId="2"/>
  </si>
  <si>
    <t>月</t>
    <rPh sb="0" eb="1">
      <t>ツキ</t>
    </rPh>
    <phoneticPr fontId="2"/>
  </si>
  <si>
    <t>年</t>
    <rPh sb="0" eb="1">
      <t>ネン</t>
    </rPh>
    <phoneticPr fontId="2"/>
  </si>
  <si>
    <t>令和</t>
    <rPh sb="0" eb="2">
      <t>レイワ</t>
    </rPh>
    <phoneticPr fontId="2"/>
  </si>
  <si>
    <t>男女</t>
    <rPh sb="0" eb="1">
      <t>オトコ</t>
    </rPh>
    <rPh sb="1" eb="2">
      <t>オンナ</t>
    </rPh>
    <phoneticPr fontId="2"/>
  </si>
  <si>
    <t>回戦</t>
    <rPh sb="0" eb="2">
      <t>カイセン</t>
    </rPh>
    <phoneticPr fontId="2"/>
  </si>
  <si>
    <t>コート</t>
    <phoneticPr fontId="2"/>
  </si>
  <si>
    <t>高等学校</t>
    <rPh sb="0" eb="4">
      <t>コウトウガッコウ</t>
    </rPh>
    <phoneticPr fontId="2"/>
  </si>
  <si>
    <t>－ ① －</t>
    <phoneticPr fontId="2"/>
  </si>
  <si>
    <t>－ ② －</t>
    <phoneticPr fontId="2"/>
  </si>
  <si>
    <t>－ ③ －</t>
    <phoneticPr fontId="2"/>
  </si>
  <si>
    <t>－ ④ －</t>
    <phoneticPr fontId="2"/>
  </si>
  <si>
    <t>－ ⑤ －</t>
    <phoneticPr fontId="2"/>
  </si>
  <si>
    <t>－ ⑥ －</t>
    <phoneticPr fontId="2"/>
  </si>
  <si>
    <t>－ Ｆ －</t>
    <phoneticPr fontId="2"/>
  </si>
  <si>
    <t>ﾀｲﾑ</t>
    <phoneticPr fontId="2"/>
  </si>
  <si>
    <t>A</t>
    <phoneticPr fontId="2"/>
  </si>
  <si>
    <t>５ ・ ５</t>
    <phoneticPr fontId="2"/>
  </si>
  <si>
    <t>B</t>
    <phoneticPr fontId="2"/>
  </si>
  <si>
    <t>S</t>
    <phoneticPr fontId="2"/>
  </si>
  <si>
    <t>R</t>
    <phoneticPr fontId="2"/>
  </si>
  <si>
    <t>S</t>
    <phoneticPr fontId="2"/>
  </si>
  <si>
    <t>勝者
No.</t>
    <rPh sb="0" eb="1">
      <t>カチ</t>
    </rPh>
    <phoneticPr fontId="2"/>
  </si>
  <si>
    <t>進 行</t>
    <rPh sb="0" eb="1">
      <t>ススム</t>
    </rPh>
    <rPh sb="2" eb="3">
      <t>ギョウ</t>
    </rPh>
    <phoneticPr fontId="2"/>
  </si>
  <si>
    <t>点 検</t>
    <rPh sb="0" eb="1">
      <t>テン</t>
    </rPh>
    <rPh sb="2" eb="3">
      <t>ケン</t>
    </rPh>
    <phoneticPr fontId="2"/>
  </si>
  <si>
    <t>記 録</t>
    <rPh sb="0" eb="1">
      <t>キ</t>
    </rPh>
    <rPh sb="2" eb="3">
      <t>ロ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8"/>
      <name val="BIZ UDゴシック"/>
      <family val="3"/>
      <charset val="128"/>
    </font>
    <font>
      <sz val="11"/>
      <name val="BIZ UDゴシック"/>
      <family val="3"/>
      <charset val="128"/>
    </font>
    <font>
      <sz val="14"/>
      <name val="BIZ UDゴシック"/>
      <family val="3"/>
      <charset val="128"/>
    </font>
    <font>
      <sz val="10"/>
      <name val="BIZ UDゴシック"/>
      <family val="3"/>
      <charset val="128"/>
    </font>
    <font>
      <sz val="12"/>
      <name val="BIZ UDゴシック"/>
      <family val="3"/>
      <charset val="128"/>
    </font>
    <font>
      <sz val="16"/>
      <name val="BIZ UDゴシック"/>
      <family val="3"/>
      <charset val="128"/>
    </font>
    <font>
      <vertAlign val="superscript"/>
      <sz val="11"/>
      <name val="BIZ UDゴシック"/>
      <family val="3"/>
      <charset val="128"/>
    </font>
    <font>
      <b/>
      <sz val="12"/>
      <name val="BIZ UDゴシック"/>
      <family val="3"/>
      <charset val="128"/>
    </font>
    <font>
      <sz val="9"/>
      <name val="BIZ UD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87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tted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tted">
        <color indexed="64"/>
      </bottom>
      <diagonal/>
    </border>
    <border>
      <left style="hair">
        <color indexed="64"/>
      </left>
      <right/>
      <top style="thin">
        <color indexed="64"/>
      </top>
      <bottom style="dotted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dotted">
        <color indexed="64"/>
      </top>
      <bottom/>
      <diagonal/>
    </border>
    <border>
      <left style="thin">
        <color indexed="64"/>
      </left>
      <right style="hair">
        <color indexed="64"/>
      </right>
      <top style="dotted">
        <color indexed="64"/>
      </top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hair">
        <color indexed="64"/>
      </right>
      <top style="dotted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dotted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dotted">
        <color indexed="64"/>
      </bottom>
      <diagonal/>
    </border>
    <border>
      <left style="hair">
        <color indexed="64"/>
      </left>
      <right/>
      <top/>
      <bottom style="dotted">
        <color indexed="64"/>
      </bottom>
      <diagonal/>
    </border>
    <border>
      <left style="hair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hair">
        <color indexed="64"/>
      </right>
      <top/>
      <bottom style="dotted">
        <color indexed="64"/>
      </bottom>
      <diagonal/>
    </border>
    <border>
      <left style="hair">
        <color indexed="64"/>
      </left>
      <right style="hair">
        <color indexed="64"/>
      </right>
      <top style="dotted">
        <color indexed="64"/>
      </top>
      <bottom/>
      <diagonal/>
    </border>
    <border>
      <left style="hair">
        <color indexed="64"/>
      </left>
      <right style="hair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dotted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>
      <alignment vertical="center"/>
    </xf>
  </cellStyleXfs>
  <cellXfs count="290">
    <xf numFmtId="0" fontId="0" fillId="0" borderId="0" xfId="0">
      <alignment vertical="center"/>
    </xf>
    <xf numFmtId="0" fontId="4" fillId="0" borderId="0" xfId="1" applyFont="1" applyAlignment="1">
      <alignment vertical="center"/>
    </xf>
    <xf numFmtId="0" fontId="3" fillId="2" borderId="0" xfId="1" applyFont="1" applyFill="1" applyAlignment="1">
      <alignment horizontal="center" vertical="center"/>
    </xf>
    <xf numFmtId="0" fontId="4" fillId="2" borderId="0" xfId="1" applyFont="1" applyFill="1" applyAlignment="1">
      <alignment vertical="center"/>
    </xf>
    <xf numFmtId="0" fontId="4" fillId="2" borderId="0" xfId="1" applyFont="1" applyFill="1" applyAlignment="1">
      <alignment horizontal="center" vertical="center"/>
    </xf>
    <xf numFmtId="0" fontId="4" fillId="2" borderId="72" xfId="1" applyFont="1" applyFill="1" applyBorder="1" applyAlignment="1">
      <alignment horizontal="center" vertical="center" shrinkToFit="1"/>
    </xf>
    <xf numFmtId="0" fontId="4" fillId="2" borderId="71" xfId="1" applyFont="1" applyFill="1" applyBorder="1" applyAlignment="1">
      <alignment horizontal="center" vertical="center" shrinkToFit="1"/>
    </xf>
    <xf numFmtId="0" fontId="5" fillId="2" borderId="71" xfId="1" applyFont="1" applyFill="1" applyBorder="1" applyAlignment="1">
      <alignment horizontal="center" vertical="center"/>
    </xf>
    <xf numFmtId="0" fontId="5" fillId="2" borderId="78" xfId="1" applyFont="1" applyFill="1" applyBorder="1" applyAlignment="1">
      <alignment horizontal="center" vertical="center"/>
    </xf>
    <xf numFmtId="0" fontId="4" fillId="2" borderId="70" xfId="1" applyFont="1" applyFill="1" applyBorder="1" applyAlignment="1">
      <alignment horizontal="center" vertical="center"/>
    </xf>
    <xf numFmtId="0" fontId="5" fillId="2" borderId="70" xfId="1" applyFont="1" applyFill="1" applyBorder="1" applyAlignment="1">
      <alignment horizontal="center" vertical="center"/>
    </xf>
    <xf numFmtId="0" fontId="5" fillId="2" borderId="79" xfId="1" applyFont="1" applyFill="1" applyBorder="1" applyAlignment="1">
      <alignment horizontal="center" vertical="center"/>
    </xf>
    <xf numFmtId="0" fontId="6" fillId="2" borderId="85" xfId="1" applyFont="1" applyFill="1" applyBorder="1" applyAlignment="1">
      <alignment horizontal="center" vertical="top"/>
    </xf>
    <xf numFmtId="0" fontId="6" fillId="2" borderId="70" xfId="1" applyFont="1" applyFill="1" applyBorder="1" applyAlignment="1">
      <alignment horizontal="center" vertical="top"/>
    </xf>
    <xf numFmtId="0" fontId="6" fillId="2" borderId="79" xfId="1" applyFont="1" applyFill="1" applyBorder="1" applyAlignment="1">
      <alignment horizontal="center" vertical="top"/>
    </xf>
    <xf numFmtId="0" fontId="6" fillId="2" borderId="83" xfId="1" applyFont="1" applyFill="1" applyBorder="1" applyAlignment="1">
      <alignment horizontal="center" vertical="top"/>
    </xf>
    <xf numFmtId="0" fontId="4" fillId="2" borderId="73" xfId="1" applyFont="1" applyFill="1" applyBorder="1" applyAlignment="1">
      <alignment horizontal="center" vertical="center" shrinkToFit="1"/>
    </xf>
    <xf numFmtId="0" fontId="4" fillId="2" borderId="64" xfId="1" applyFont="1" applyFill="1" applyBorder="1" applyAlignment="1">
      <alignment horizontal="center" vertical="center" shrinkToFit="1"/>
    </xf>
    <xf numFmtId="0" fontId="5" fillId="2" borderId="64" xfId="1" applyFont="1" applyFill="1" applyBorder="1" applyAlignment="1">
      <alignment horizontal="center" vertical="center"/>
    </xf>
    <xf numFmtId="0" fontId="5" fillId="2" borderId="74" xfId="1" applyFont="1" applyFill="1" applyBorder="1" applyAlignment="1">
      <alignment horizontal="center" vertical="center"/>
    </xf>
    <xf numFmtId="0" fontId="4" fillId="2" borderId="12" xfId="1" applyFont="1" applyFill="1" applyBorder="1" applyAlignment="1">
      <alignment horizontal="center" vertical="center"/>
    </xf>
    <xf numFmtId="0" fontId="5" fillId="2" borderId="12" xfId="1" applyFont="1" applyFill="1" applyBorder="1" applyAlignment="1">
      <alignment horizontal="center" vertical="center"/>
    </xf>
    <xf numFmtId="0" fontId="5" fillId="2" borderId="54" xfId="1" applyFont="1" applyFill="1" applyBorder="1" applyAlignment="1">
      <alignment horizontal="center" vertical="center"/>
    </xf>
    <xf numFmtId="0" fontId="6" fillId="2" borderId="53" xfId="1" applyFont="1" applyFill="1" applyBorder="1" applyAlignment="1">
      <alignment horizontal="center" vertical="top"/>
    </xf>
    <xf numFmtId="0" fontId="6" fillId="2" borderId="12" xfId="1" applyFont="1" applyFill="1" applyBorder="1" applyAlignment="1">
      <alignment horizontal="center" vertical="top"/>
    </xf>
    <xf numFmtId="0" fontId="6" fillId="2" borderId="54" xfId="1" applyFont="1" applyFill="1" applyBorder="1" applyAlignment="1">
      <alignment horizontal="center" vertical="top"/>
    </xf>
    <xf numFmtId="0" fontId="6" fillId="2" borderId="63" xfId="1" applyFont="1" applyFill="1" applyBorder="1" applyAlignment="1">
      <alignment horizontal="center" vertical="top"/>
    </xf>
    <xf numFmtId="0" fontId="4" fillId="2" borderId="69" xfId="1" applyFont="1" applyFill="1" applyBorder="1" applyAlignment="1">
      <alignment horizontal="center" vertical="center"/>
    </xf>
    <xf numFmtId="0" fontId="4" fillId="2" borderId="0" xfId="1" applyFont="1" applyFill="1" applyAlignment="1">
      <alignment horizontal="center" vertical="center"/>
    </xf>
    <xf numFmtId="0" fontId="4" fillId="2" borderId="10" xfId="1" applyFont="1" applyFill="1" applyBorder="1" applyAlignment="1">
      <alignment horizontal="center" vertical="center"/>
    </xf>
    <xf numFmtId="0" fontId="4" fillId="2" borderId="11" xfId="1" applyFont="1" applyFill="1" applyBorder="1" applyAlignment="1">
      <alignment horizontal="center" vertical="center"/>
    </xf>
    <xf numFmtId="0" fontId="6" fillId="2" borderId="27" xfId="1" applyFont="1" applyFill="1" applyBorder="1" applyAlignment="1">
      <alignment horizontal="center" vertical="distributed" wrapText="1"/>
    </xf>
    <xf numFmtId="0" fontId="6" fillId="2" borderId="10" xfId="1" applyFont="1" applyFill="1" applyBorder="1" applyAlignment="1">
      <alignment horizontal="center" vertical="distributed" wrapText="1"/>
    </xf>
    <xf numFmtId="0" fontId="4" fillId="2" borderId="10" xfId="2" applyFont="1" applyFill="1" applyBorder="1" applyAlignment="1">
      <alignment horizontal="center" vertical="distributed"/>
    </xf>
    <xf numFmtId="0" fontId="4" fillId="2" borderId="10" xfId="2" applyFont="1" applyFill="1" applyBorder="1" applyAlignment="1">
      <alignment vertical="distributed"/>
    </xf>
    <xf numFmtId="0" fontId="4" fillId="2" borderId="11" xfId="2" applyFont="1" applyFill="1" applyBorder="1" applyAlignment="1">
      <alignment vertical="distributed"/>
    </xf>
    <xf numFmtId="0" fontId="6" fillId="2" borderId="27" xfId="1" applyFont="1" applyFill="1" applyBorder="1" applyAlignment="1">
      <alignment horizontal="center" vertical="top"/>
    </xf>
    <xf numFmtId="0" fontId="6" fillId="2" borderId="10" xfId="1" applyFont="1" applyFill="1" applyBorder="1" applyAlignment="1">
      <alignment horizontal="center" vertical="top"/>
    </xf>
    <xf numFmtId="0" fontId="6" fillId="2" borderId="11" xfId="1" applyFont="1" applyFill="1" applyBorder="1" applyAlignment="1">
      <alignment horizontal="center" vertical="top"/>
    </xf>
    <xf numFmtId="0" fontId="6" fillId="2" borderId="62" xfId="1" applyFont="1" applyFill="1" applyBorder="1" applyAlignment="1">
      <alignment horizontal="center" vertical="top"/>
    </xf>
    <xf numFmtId="0" fontId="4" fillId="2" borderId="68" xfId="1" applyFont="1" applyFill="1" applyBorder="1" applyAlignment="1">
      <alignment horizontal="center" vertical="center"/>
    </xf>
    <xf numFmtId="0" fontId="4" fillId="2" borderId="54" xfId="1" applyFont="1" applyFill="1" applyBorder="1" applyAlignment="1">
      <alignment horizontal="center" vertical="center"/>
    </xf>
    <xf numFmtId="0" fontId="4" fillId="2" borderId="53" xfId="2" applyFont="1" applyFill="1" applyBorder="1" applyAlignment="1">
      <alignment horizontal="center" vertical="distributed"/>
    </xf>
    <xf numFmtId="0" fontId="4" fillId="2" borderId="12" xfId="2" applyFont="1" applyFill="1" applyBorder="1" applyAlignment="1">
      <alignment horizontal="center" vertical="distributed"/>
    </xf>
    <xf numFmtId="0" fontId="4" fillId="2" borderId="12" xfId="2" applyFont="1" applyFill="1" applyBorder="1" applyAlignment="1">
      <alignment vertical="distributed"/>
    </xf>
    <xf numFmtId="0" fontId="4" fillId="2" borderId="54" xfId="2" applyFont="1" applyFill="1" applyBorder="1" applyAlignment="1">
      <alignment vertical="distributed"/>
    </xf>
    <xf numFmtId="0" fontId="7" fillId="2" borderId="65" xfId="1" applyFont="1" applyFill="1" applyBorder="1" applyAlignment="1">
      <alignment horizontal="center" vertical="center" shrinkToFit="1"/>
    </xf>
    <xf numFmtId="0" fontId="7" fillId="2" borderId="27" xfId="1" applyFont="1" applyFill="1" applyBorder="1" applyAlignment="1">
      <alignment horizontal="center" vertical="center" shrinkToFit="1"/>
    </xf>
    <xf numFmtId="0" fontId="7" fillId="2" borderId="10" xfId="1" applyFont="1" applyFill="1" applyBorder="1" applyAlignment="1">
      <alignment horizontal="center" vertical="center" shrinkToFit="1"/>
    </xf>
    <xf numFmtId="0" fontId="7" fillId="2" borderId="11" xfId="1" applyFont="1" applyFill="1" applyBorder="1" applyAlignment="1">
      <alignment horizontal="center" vertical="center" shrinkToFit="1"/>
    </xf>
    <xf numFmtId="0" fontId="7" fillId="2" borderId="62" xfId="1" applyFont="1" applyFill="1" applyBorder="1" applyAlignment="1">
      <alignment horizontal="center" vertical="center" shrinkToFit="1"/>
    </xf>
    <xf numFmtId="0" fontId="7" fillId="2" borderId="69" xfId="1" applyFont="1" applyFill="1" applyBorder="1" applyAlignment="1">
      <alignment horizontal="center" vertical="center" shrinkToFit="1"/>
    </xf>
    <xf numFmtId="0" fontId="7" fillId="2" borderId="51" xfId="1" applyFont="1" applyFill="1" applyBorder="1" applyAlignment="1">
      <alignment horizontal="center" vertical="center" shrinkToFit="1"/>
    </xf>
    <xf numFmtId="0" fontId="7" fillId="2" borderId="0" xfId="1" applyFont="1" applyFill="1" applyAlignment="1">
      <alignment horizontal="center" vertical="center" shrinkToFit="1"/>
    </xf>
    <xf numFmtId="0" fontId="7" fillId="2" borderId="52" xfId="1" applyFont="1" applyFill="1" applyBorder="1" applyAlignment="1">
      <alignment horizontal="center" vertical="center" shrinkToFit="1"/>
    </xf>
    <xf numFmtId="0" fontId="7" fillId="2" borderId="26" xfId="1" applyFont="1" applyFill="1" applyBorder="1" applyAlignment="1">
      <alignment horizontal="center" vertical="center" shrinkToFit="1"/>
    </xf>
    <xf numFmtId="0" fontId="7" fillId="2" borderId="68" xfId="1" applyFont="1" applyFill="1" applyBorder="1" applyAlignment="1">
      <alignment horizontal="center" vertical="center" shrinkToFit="1"/>
    </xf>
    <xf numFmtId="0" fontId="7" fillId="2" borderId="53" xfId="1" applyFont="1" applyFill="1" applyBorder="1" applyAlignment="1">
      <alignment horizontal="center" vertical="center" shrinkToFit="1"/>
    </xf>
    <xf numFmtId="0" fontId="7" fillId="2" borderId="12" xfId="1" applyFont="1" applyFill="1" applyBorder="1" applyAlignment="1">
      <alignment horizontal="center" vertical="center" shrinkToFit="1"/>
    </xf>
    <xf numFmtId="0" fontId="7" fillId="2" borderId="54" xfId="1" applyFont="1" applyFill="1" applyBorder="1" applyAlignment="1">
      <alignment horizontal="center" vertical="center" shrinkToFit="1"/>
    </xf>
    <xf numFmtId="0" fontId="8" fillId="2" borderId="51" xfId="2" applyFont="1" applyFill="1" applyBorder="1" applyAlignment="1">
      <alignment horizontal="center" vertical="center"/>
    </xf>
    <xf numFmtId="0" fontId="8" fillId="2" borderId="0" xfId="2" applyFont="1" applyFill="1" applyAlignment="1">
      <alignment horizontal="center" vertical="center"/>
    </xf>
    <xf numFmtId="0" fontId="8" fillId="2" borderId="52" xfId="2" applyFont="1" applyFill="1" applyBorder="1" applyAlignment="1">
      <alignment horizontal="center" vertical="center"/>
    </xf>
    <xf numFmtId="0" fontId="7" fillId="2" borderId="63" xfId="1" applyFont="1" applyFill="1" applyBorder="1" applyAlignment="1">
      <alignment horizontal="center" vertical="center" shrinkToFit="1"/>
    </xf>
    <xf numFmtId="0" fontId="4" fillId="2" borderId="65" xfId="1" applyFont="1" applyFill="1" applyBorder="1" applyAlignment="1">
      <alignment horizontal="center" vertical="center" textRotation="255"/>
    </xf>
    <xf numFmtId="0" fontId="4" fillId="2" borderId="10" xfId="1" applyFont="1" applyFill="1" applyBorder="1" applyAlignment="1">
      <alignment horizontal="center" vertical="center" textRotation="255"/>
    </xf>
    <xf numFmtId="0" fontId="4" fillId="2" borderId="11" xfId="1" applyFont="1" applyFill="1" applyBorder="1" applyAlignment="1">
      <alignment horizontal="center" vertical="center" textRotation="255"/>
    </xf>
    <xf numFmtId="0" fontId="7" fillId="2" borderId="51" xfId="1" applyFont="1" applyFill="1" applyBorder="1" applyAlignment="1">
      <alignment horizontal="center" vertical="center"/>
    </xf>
    <xf numFmtId="0" fontId="7" fillId="2" borderId="27" xfId="1" applyFont="1" applyFill="1" applyBorder="1" applyAlignment="1">
      <alignment horizontal="center" vertical="center"/>
    </xf>
    <xf numFmtId="0" fontId="7" fillId="2" borderId="10" xfId="1" applyFont="1" applyFill="1" applyBorder="1" applyAlignment="1">
      <alignment horizontal="center" vertical="center"/>
    </xf>
    <xf numFmtId="0" fontId="7" fillId="2" borderId="11" xfId="1" applyFont="1" applyFill="1" applyBorder="1" applyAlignment="1">
      <alignment horizontal="center" vertical="center"/>
    </xf>
    <xf numFmtId="0" fontId="4" fillId="2" borderId="27" xfId="1" applyFont="1" applyFill="1" applyBorder="1" applyAlignment="1">
      <alignment horizontal="center" vertical="center" textRotation="255"/>
    </xf>
    <xf numFmtId="0" fontId="4" fillId="2" borderId="27" xfId="1" applyFont="1" applyFill="1" applyBorder="1" applyAlignment="1">
      <alignment horizontal="center" vertical="center"/>
    </xf>
    <xf numFmtId="0" fontId="4" fillId="2" borderId="62" xfId="1" applyFont="1" applyFill="1" applyBorder="1" applyAlignment="1">
      <alignment horizontal="center" vertical="center"/>
    </xf>
    <xf numFmtId="0" fontId="4" fillId="2" borderId="69" xfId="1" applyFont="1" applyFill="1" applyBorder="1" applyAlignment="1">
      <alignment horizontal="center" vertical="center" textRotation="255"/>
    </xf>
    <xf numFmtId="0" fontId="4" fillId="2" borderId="0" xfId="1" applyFont="1" applyFill="1" applyAlignment="1">
      <alignment horizontal="center" vertical="center" textRotation="255"/>
    </xf>
    <xf numFmtId="0" fontId="4" fillId="2" borderId="52" xfId="1" applyFont="1" applyFill="1" applyBorder="1" applyAlignment="1">
      <alignment horizontal="center" vertical="center" textRotation="255"/>
    </xf>
    <xf numFmtId="0" fontId="7" fillId="2" borderId="0" xfId="1" applyFont="1" applyFill="1" applyAlignment="1">
      <alignment horizontal="center" vertical="center"/>
    </xf>
    <xf numFmtId="0" fontId="7" fillId="2" borderId="52" xfId="1" applyFont="1" applyFill="1" applyBorder="1" applyAlignment="1">
      <alignment horizontal="center" vertical="center"/>
    </xf>
    <xf numFmtId="0" fontId="4" fillId="2" borderId="51" xfId="1" applyFont="1" applyFill="1" applyBorder="1" applyAlignment="1">
      <alignment horizontal="center" vertical="center" textRotation="255"/>
    </xf>
    <xf numFmtId="0" fontId="4" fillId="2" borderId="51" xfId="1" applyFont="1" applyFill="1" applyBorder="1" applyAlignment="1">
      <alignment horizontal="center" vertical="center"/>
    </xf>
    <xf numFmtId="0" fontId="4" fillId="2" borderId="26" xfId="1" applyFont="1" applyFill="1" applyBorder="1" applyAlignment="1">
      <alignment horizontal="center" vertical="center"/>
    </xf>
    <xf numFmtId="0" fontId="7" fillId="2" borderId="53" xfId="1" applyFont="1" applyFill="1" applyBorder="1" applyAlignment="1">
      <alignment horizontal="center" vertical="center"/>
    </xf>
    <xf numFmtId="0" fontId="7" fillId="2" borderId="12" xfId="1" applyFont="1" applyFill="1" applyBorder="1" applyAlignment="1">
      <alignment horizontal="center" vertical="center"/>
    </xf>
    <xf numFmtId="0" fontId="7" fillId="2" borderId="54" xfId="1" applyFont="1" applyFill="1" applyBorder="1" applyAlignment="1">
      <alignment horizontal="center" vertical="center"/>
    </xf>
    <xf numFmtId="0" fontId="4" fillId="2" borderId="53" xfId="1" applyFont="1" applyFill="1" applyBorder="1" applyAlignment="1">
      <alignment horizontal="center" vertical="center"/>
    </xf>
    <xf numFmtId="0" fontId="4" fillId="2" borderId="63" xfId="1" applyFont="1" applyFill="1" applyBorder="1" applyAlignment="1">
      <alignment horizontal="center" vertical="center"/>
    </xf>
    <xf numFmtId="0" fontId="4" fillId="2" borderId="68" xfId="1" applyFont="1" applyFill="1" applyBorder="1" applyAlignment="1">
      <alignment horizontal="center" vertical="center" textRotation="255"/>
    </xf>
    <xf numFmtId="0" fontId="4" fillId="2" borderId="12" xfId="1" applyFont="1" applyFill="1" applyBorder="1" applyAlignment="1">
      <alignment horizontal="center" vertical="center" textRotation="255"/>
    </xf>
    <xf numFmtId="0" fontId="4" fillId="2" borderId="54" xfId="1" applyFont="1" applyFill="1" applyBorder="1" applyAlignment="1">
      <alignment horizontal="center" vertical="center" textRotation="255"/>
    </xf>
    <xf numFmtId="0" fontId="4" fillId="2" borderId="53" xfId="1" applyFont="1" applyFill="1" applyBorder="1" applyAlignment="1">
      <alignment horizontal="center" vertical="center" textRotation="255"/>
    </xf>
    <xf numFmtId="0" fontId="8" fillId="2" borderId="53" xfId="2" applyFont="1" applyFill="1" applyBorder="1" applyAlignment="1">
      <alignment horizontal="center" vertical="center"/>
    </xf>
    <xf numFmtId="0" fontId="8" fillId="2" borderId="12" xfId="2" applyFont="1" applyFill="1" applyBorder="1" applyAlignment="1">
      <alignment horizontal="center" vertical="center"/>
    </xf>
    <xf numFmtId="0" fontId="8" fillId="2" borderId="54" xfId="2" applyFont="1" applyFill="1" applyBorder="1" applyAlignment="1">
      <alignment horizontal="center" vertical="center"/>
    </xf>
    <xf numFmtId="0" fontId="4" fillId="2" borderId="65" xfId="1" applyFont="1" applyFill="1" applyBorder="1" applyAlignment="1">
      <alignment horizontal="center" vertical="center"/>
    </xf>
    <xf numFmtId="0" fontId="4" fillId="2" borderId="29" xfId="1" applyFont="1" applyFill="1" applyBorder="1" applyAlignment="1">
      <alignment vertical="center"/>
    </xf>
    <xf numFmtId="0" fontId="4" fillId="2" borderId="30" xfId="1" applyFont="1" applyFill="1" applyBorder="1" applyAlignment="1">
      <alignment vertical="center"/>
    </xf>
    <xf numFmtId="0" fontId="4" fillId="2" borderId="31" xfId="1" applyFont="1" applyFill="1" applyBorder="1" applyAlignment="1">
      <alignment vertical="center"/>
    </xf>
    <xf numFmtId="0" fontId="4" fillId="2" borderId="32" xfId="1" applyFont="1" applyFill="1" applyBorder="1" applyAlignment="1">
      <alignment vertical="center"/>
    </xf>
    <xf numFmtId="0" fontId="5" fillId="2" borderId="10" xfId="1" quotePrefix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center" vertical="center"/>
    </xf>
    <xf numFmtId="0" fontId="4" fillId="2" borderId="56" xfId="1" applyFont="1" applyFill="1" applyBorder="1" applyAlignment="1">
      <alignment vertical="center"/>
    </xf>
    <xf numFmtId="0" fontId="4" fillId="2" borderId="52" xfId="1" applyFont="1" applyFill="1" applyBorder="1" applyAlignment="1">
      <alignment horizontal="center" vertical="center"/>
    </xf>
    <xf numFmtId="0" fontId="4" fillId="2" borderId="33" xfId="1" applyFont="1" applyFill="1" applyBorder="1" applyAlignment="1">
      <alignment vertical="center"/>
    </xf>
    <xf numFmtId="0" fontId="4" fillId="2" borderId="34" xfId="1" applyFont="1" applyFill="1" applyBorder="1" applyAlignment="1">
      <alignment vertical="center"/>
    </xf>
    <xf numFmtId="0" fontId="4" fillId="2" borderId="35" xfId="1" applyFont="1" applyFill="1" applyBorder="1" applyAlignment="1">
      <alignment vertical="center"/>
    </xf>
    <xf numFmtId="0" fontId="4" fillId="2" borderId="36" xfId="1" applyFont="1" applyFill="1" applyBorder="1" applyAlignment="1">
      <alignment vertical="center"/>
    </xf>
    <xf numFmtId="0" fontId="4" fillId="2" borderId="37" xfId="1" applyFont="1" applyFill="1" applyBorder="1" applyAlignment="1">
      <alignment vertical="center"/>
    </xf>
    <xf numFmtId="0" fontId="4" fillId="2" borderId="38" xfId="1" applyFont="1" applyFill="1" applyBorder="1" applyAlignment="1">
      <alignment vertical="center"/>
    </xf>
    <xf numFmtId="0" fontId="4" fillId="2" borderId="39" xfId="1" applyFont="1" applyFill="1" applyBorder="1" applyAlignment="1">
      <alignment vertical="center"/>
    </xf>
    <xf numFmtId="0" fontId="4" fillId="2" borderId="57" xfId="1" applyFont="1" applyFill="1" applyBorder="1" applyAlignment="1">
      <alignment vertical="center"/>
    </xf>
    <xf numFmtId="0" fontId="4" fillId="2" borderId="40" xfId="1" applyFont="1" applyFill="1" applyBorder="1" applyAlignment="1">
      <alignment vertical="center"/>
    </xf>
    <xf numFmtId="0" fontId="4" fillId="2" borderId="41" xfId="1" applyFont="1" applyFill="1" applyBorder="1" applyAlignment="1">
      <alignment vertical="center"/>
    </xf>
    <xf numFmtId="0" fontId="4" fillId="2" borderId="42" xfId="1" applyFont="1" applyFill="1" applyBorder="1" applyAlignment="1">
      <alignment vertical="center"/>
    </xf>
    <xf numFmtId="0" fontId="4" fillId="2" borderId="43" xfId="1" applyFont="1" applyFill="1" applyBorder="1" applyAlignment="1">
      <alignment vertical="center"/>
    </xf>
    <xf numFmtId="0" fontId="4" fillId="2" borderId="44" xfId="1" applyFont="1" applyFill="1" applyBorder="1" applyAlignment="1">
      <alignment vertical="center"/>
    </xf>
    <xf numFmtId="0" fontId="4" fillId="2" borderId="58" xfId="1" applyFont="1" applyFill="1" applyBorder="1" applyAlignment="1">
      <alignment vertical="center"/>
    </xf>
    <xf numFmtId="0" fontId="4" fillId="2" borderId="45" xfId="1" applyFont="1" applyFill="1" applyBorder="1" applyAlignment="1">
      <alignment vertical="center"/>
    </xf>
    <xf numFmtId="0" fontId="4" fillId="2" borderId="46" xfId="1" applyFont="1" applyFill="1" applyBorder="1" applyAlignment="1">
      <alignment vertical="center"/>
    </xf>
    <xf numFmtId="0" fontId="4" fillId="2" borderId="47" xfId="1" applyFont="1" applyFill="1" applyBorder="1" applyAlignment="1">
      <alignment vertical="center"/>
    </xf>
    <xf numFmtId="0" fontId="4" fillId="2" borderId="48" xfId="1" applyFont="1" applyFill="1" applyBorder="1" applyAlignment="1">
      <alignment vertical="center"/>
    </xf>
    <xf numFmtId="0" fontId="4" fillId="2" borderId="59" xfId="1" applyFont="1" applyFill="1" applyBorder="1" applyAlignment="1">
      <alignment vertical="center"/>
    </xf>
    <xf numFmtId="0" fontId="4" fillId="2" borderId="49" xfId="1" applyFont="1" applyFill="1" applyBorder="1" applyAlignment="1">
      <alignment vertical="center"/>
    </xf>
    <xf numFmtId="0" fontId="4" fillId="2" borderId="50" xfId="1" applyFont="1" applyFill="1" applyBorder="1" applyAlignment="1">
      <alignment vertical="center"/>
    </xf>
    <xf numFmtId="0" fontId="9" fillId="2" borderId="14" xfId="1" applyFont="1" applyFill="1" applyBorder="1" applyAlignment="1">
      <alignment horizontal="left" vertical="top"/>
    </xf>
    <xf numFmtId="0" fontId="9" fillId="2" borderId="21" xfId="1" applyFont="1" applyFill="1" applyBorder="1" applyAlignment="1">
      <alignment horizontal="left" vertical="top"/>
    </xf>
    <xf numFmtId="0" fontId="9" fillId="2" borderId="15" xfId="1" applyFont="1" applyFill="1" applyBorder="1" applyAlignment="1">
      <alignment horizontal="left" vertical="top"/>
    </xf>
    <xf numFmtId="0" fontId="9" fillId="2" borderId="16" xfId="1" applyFont="1" applyFill="1" applyBorder="1" applyAlignment="1">
      <alignment horizontal="left" vertical="top"/>
    </xf>
    <xf numFmtId="0" fontId="9" fillId="2" borderId="6" xfId="0" applyFont="1" applyFill="1" applyBorder="1" applyAlignment="1">
      <alignment horizontal="right" vertical="top"/>
    </xf>
    <xf numFmtId="0" fontId="9" fillId="2" borderId="5" xfId="0" applyFont="1" applyFill="1" applyBorder="1" applyAlignment="1">
      <alignment horizontal="right" vertical="top"/>
    </xf>
    <xf numFmtId="0" fontId="9" fillId="2" borderId="4" xfId="0" applyFont="1" applyFill="1" applyBorder="1" applyAlignment="1">
      <alignment horizontal="right" vertical="top"/>
    </xf>
    <xf numFmtId="0" fontId="9" fillId="2" borderId="60" xfId="0" applyFont="1" applyFill="1" applyBorder="1" applyAlignment="1">
      <alignment horizontal="right" vertical="top"/>
    </xf>
    <xf numFmtId="0" fontId="9" fillId="2" borderId="17" xfId="1" applyFont="1" applyFill="1" applyBorder="1" applyAlignment="1">
      <alignment horizontal="left" vertical="top"/>
    </xf>
    <xf numFmtId="0" fontId="9" fillId="2" borderId="1" xfId="1" applyFont="1" applyFill="1" applyBorder="1" applyAlignment="1">
      <alignment horizontal="left" vertical="top"/>
    </xf>
    <xf numFmtId="0" fontId="9" fillId="2" borderId="19" xfId="1" applyFont="1" applyFill="1" applyBorder="1" applyAlignment="1">
      <alignment horizontal="left" vertical="top"/>
    </xf>
    <xf numFmtId="0" fontId="9" fillId="2" borderId="2" xfId="1" applyFont="1" applyFill="1" applyBorder="1" applyAlignment="1">
      <alignment horizontal="left" vertical="top"/>
    </xf>
    <xf numFmtId="0" fontId="5" fillId="2" borderId="0" xfId="1" applyFont="1" applyFill="1" applyAlignment="1">
      <alignment horizontal="center" vertical="center"/>
    </xf>
    <xf numFmtId="0" fontId="9" fillId="2" borderId="3" xfId="0" applyFont="1" applyFill="1" applyBorder="1" applyAlignment="1">
      <alignment horizontal="right" vertical="top"/>
    </xf>
    <xf numFmtId="0" fontId="9" fillId="2" borderId="1" xfId="0" applyFont="1" applyFill="1" applyBorder="1" applyAlignment="1">
      <alignment horizontal="right" vertical="top"/>
    </xf>
    <xf numFmtId="0" fontId="9" fillId="2" borderId="2" xfId="0" applyFont="1" applyFill="1" applyBorder="1" applyAlignment="1">
      <alignment horizontal="right" vertical="top"/>
    </xf>
    <xf numFmtId="0" fontId="9" fillId="2" borderId="18" xfId="1" applyFont="1" applyFill="1" applyBorder="1" applyAlignment="1">
      <alignment horizontal="left" vertical="top"/>
    </xf>
    <xf numFmtId="0" fontId="9" fillId="2" borderId="20" xfId="1" applyFont="1" applyFill="1" applyBorder="1" applyAlignment="1">
      <alignment horizontal="left" vertical="top"/>
    </xf>
    <xf numFmtId="0" fontId="9" fillId="2" borderId="7" xfId="1" applyFont="1" applyFill="1" applyBorder="1" applyAlignment="1">
      <alignment horizontal="left" vertical="top"/>
    </xf>
    <xf numFmtId="0" fontId="9" fillId="2" borderId="22" xfId="1" applyFont="1" applyFill="1" applyBorder="1" applyAlignment="1">
      <alignment horizontal="left" vertical="top"/>
    </xf>
    <xf numFmtId="0" fontId="9" fillId="2" borderId="23" xfId="1" applyFont="1" applyFill="1" applyBorder="1" applyAlignment="1">
      <alignment horizontal="left" vertical="top"/>
    </xf>
    <xf numFmtId="0" fontId="9" fillId="2" borderId="24" xfId="1" applyFont="1" applyFill="1" applyBorder="1" applyAlignment="1">
      <alignment horizontal="left" vertical="top"/>
    </xf>
    <xf numFmtId="0" fontId="9" fillId="2" borderId="25" xfId="1" applyFont="1" applyFill="1" applyBorder="1" applyAlignment="1">
      <alignment horizontal="left" vertical="top"/>
    </xf>
    <xf numFmtId="0" fontId="9" fillId="2" borderId="9" xfId="0" applyFont="1" applyFill="1" applyBorder="1" applyAlignment="1">
      <alignment horizontal="right" vertical="top"/>
    </xf>
    <xf numFmtId="0" fontId="9" fillId="2" borderId="8" xfId="0" applyFont="1" applyFill="1" applyBorder="1" applyAlignment="1">
      <alignment horizontal="right" vertical="top"/>
    </xf>
    <xf numFmtId="0" fontId="9" fillId="2" borderId="7" xfId="0" applyFont="1" applyFill="1" applyBorder="1" applyAlignment="1">
      <alignment horizontal="right" vertical="top"/>
    </xf>
    <xf numFmtId="0" fontId="9" fillId="2" borderId="61" xfId="0" applyFont="1" applyFill="1" applyBorder="1" applyAlignment="1">
      <alignment horizontal="right" vertical="top"/>
    </xf>
    <xf numFmtId="0" fontId="6" fillId="2" borderId="77" xfId="1" applyFont="1" applyFill="1" applyBorder="1" applyAlignment="1">
      <alignment horizontal="center" vertical="center" shrinkToFit="1"/>
    </xf>
    <xf numFmtId="0" fontId="6" fillId="2" borderId="76" xfId="1" applyFont="1" applyFill="1" applyBorder="1" applyAlignment="1">
      <alignment horizontal="center" vertical="center" shrinkToFit="1"/>
    </xf>
    <xf numFmtId="0" fontId="7" fillId="2" borderId="74" xfId="1" applyFont="1" applyFill="1" applyBorder="1" applyAlignment="1">
      <alignment horizontal="center" vertical="center"/>
    </xf>
    <xf numFmtId="0" fontId="7" fillId="2" borderId="75" xfId="1" applyFont="1" applyFill="1" applyBorder="1" applyAlignment="1">
      <alignment horizontal="center" vertical="center"/>
    </xf>
    <xf numFmtId="0" fontId="7" fillId="2" borderId="76" xfId="1" applyFont="1" applyFill="1" applyBorder="1" applyAlignment="1">
      <alignment horizontal="center" vertical="center"/>
    </xf>
    <xf numFmtId="0" fontId="4" fillId="2" borderId="10" xfId="1" applyFont="1" applyFill="1" applyBorder="1" applyAlignment="1">
      <alignment vertical="center"/>
    </xf>
    <xf numFmtId="0" fontId="5" fillId="2" borderId="10" xfId="1" applyFont="1" applyFill="1" applyBorder="1" applyAlignment="1">
      <alignment vertical="center"/>
    </xf>
    <xf numFmtId="0" fontId="5" fillId="2" borderId="11" xfId="1" applyFont="1" applyFill="1" applyBorder="1" applyAlignment="1">
      <alignment vertical="center"/>
    </xf>
    <xf numFmtId="0" fontId="7" fillId="2" borderId="10" xfId="1" applyFont="1" applyFill="1" applyBorder="1" applyAlignment="1">
      <alignment vertical="center"/>
    </xf>
    <xf numFmtId="0" fontId="6" fillId="2" borderId="74" xfId="1" applyFont="1" applyFill="1" applyBorder="1" applyAlignment="1">
      <alignment horizontal="center" vertical="center" shrinkToFit="1"/>
    </xf>
    <xf numFmtId="0" fontId="7" fillId="2" borderId="62" xfId="1" applyFont="1" applyFill="1" applyBorder="1" applyAlignment="1">
      <alignment horizontal="center" vertical="center"/>
    </xf>
    <xf numFmtId="0" fontId="4" fillId="2" borderId="65" xfId="1" applyFont="1" applyFill="1" applyBorder="1" applyAlignment="1">
      <alignment horizontal="center" vertical="center" wrapText="1" shrinkToFit="1"/>
    </xf>
    <xf numFmtId="0" fontId="4" fillId="2" borderId="11" xfId="1" applyFont="1" applyFill="1" applyBorder="1" applyAlignment="1">
      <alignment horizontal="center" vertical="center" shrinkToFit="1"/>
    </xf>
    <xf numFmtId="0" fontId="4" fillId="2" borderId="51" xfId="1" applyFont="1" applyFill="1" applyBorder="1" applyAlignment="1">
      <alignment vertical="center"/>
    </xf>
    <xf numFmtId="0" fontId="7" fillId="2" borderId="0" xfId="1" applyFont="1" applyFill="1" applyAlignment="1">
      <alignment horizontal="center" vertical="center"/>
    </xf>
    <xf numFmtId="0" fontId="4" fillId="2" borderId="52" xfId="1" applyFont="1" applyFill="1" applyBorder="1" applyAlignment="1">
      <alignment vertical="center"/>
    </xf>
    <xf numFmtId="0" fontId="4" fillId="2" borderId="10" xfId="1" applyFont="1" applyFill="1" applyBorder="1" applyAlignment="1">
      <alignment horizontal="center" vertical="center" wrapText="1" shrinkToFit="1"/>
    </xf>
    <xf numFmtId="0" fontId="4" fillId="2" borderId="68" xfId="1" applyFont="1" applyFill="1" applyBorder="1" applyAlignment="1">
      <alignment horizontal="center" vertical="center" shrinkToFit="1"/>
    </xf>
    <xf numFmtId="0" fontId="4" fillId="2" borderId="54" xfId="1" applyFont="1" applyFill="1" applyBorder="1" applyAlignment="1">
      <alignment horizontal="center" vertical="center" shrinkToFit="1"/>
    </xf>
    <xf numFmtId="0" fontId="4" fillId="2" borderId="53" xfId="1" applyFont="1" applyFill="1" applyBorder="1" applyAlignment="1">
      <alignment vertical="center"/>
    </xf>
    <xf numFmtId="0" fontId="7" fillId="2" borderId="12" xfId="1" applyFont="1" applyFill="1" applyBorder="1" applyAlignment="1">
      <alignment horizontal="center" vertical="center"/>
    </xf>
    <xf numFmtId="0" fontId="4" fillId="2" borderId="12" xfId="1" applyFont="1" applyFill="1" applyBorder="1" applyAlignment="1">
      <alignment vertical="center"/>
    </xf>
    <xf numFmtId="0" fontId="4" fillId="2" borderId="54" xfId="1" applyFont="1" applyFill="1" applyBorder="1" applyAlignment="1">
      <alignment vertical="center"/>
    </xf>
    <xf numFmtId="0" fontId="4" fillId="2" borderId="12" xfId="1" applyFont="1" applyFill="1" applyBorder="1" applyAlignment="1">
      <alignment horizontal="center" vertical="center" shrinkToFit="1"/>
    </xf>
    <xf numFmtId="0" fontId="7" fillId="2" borderId="65" xfId="1" applyFont="1" applyFill="1" applyBorder="1" applyAlignment="1">
      <alignment horizontal="center" vertical="center" wrapText="1" shrinkToFit="1"/>
    </xf>
    <xf numFmtId="0" fontId="7" fillId="2" borderId="27" xfId="1" applyFont="1" applyFill="1" applyBorder="1" applyAlignment="1">
      <alignment vertical="center" shrinkToFit="1"/>
    </xf>
    <xf numFmtId="0" fontId="7" fillId="2" borderId="27" xfId="1" applyFont="1" applyFill="1" applyBorder="1" applyAlignment="1">
      <alignment horizontal="center" vertical="center" wrapText="1" shrinkToFit="1"/>
    </xf>
    <xf numFmtId="0" fontId="7" fillId="2" borderId="0" xfId="1" applyFont="1" applyFill="1" applyAlignment="1">
      <alignment vertical="center"/>
    </xf>
    <xf numFmtId="0" fontId="7" fillId="2" borderId="26" xfId="1" applyFont="1" applyFill="1" applyBorder="1" applyAlignment="1">
      <alignment vertical="center"/>
    </xf>
    <xf numFmtId="0" fontId="7" fillId="2" borderId="66" xfId="1" applyFont="1" applyFill="1" applyBorder="1" applyAlignment="1">
      <alignment horizontal="center" vertical="center" shrinkToFit="1"/>
    </xf>
    <xf numFmtId="0" fontId="7" fillId="2" borderId="13" xfId="1" applyFont="1" applyFill="1" applyBorder="1" applyAlignment="1">
      <alignment horizontal="center" vertical="center" shrinkToFit="1"/>
    </xf>
    <xf numFmtId="0" fontId="7" fillId="2" borderId="67" xfId="1" applyFont="1" applyFill="1" applyBorder="1" applyAlignment="1">
      <alignment horizontal="center" vertical="center" shrinkToFit="1"/>
    </xf>
    <xf numFmtId="0" fontId="7" fillId="2" borderId="28" xfId="1" applyFont="1" applyFill="1" applyBorder="1" applyAlignment="1">
      <alignment vertical="center" shrinkToFit="1"/>
    </xf>
    <xf numFmtId="0" fontId="4" fillId="2" borderId="13" xfId="1" applyFont="1" applyFill="1" applyBorder="1" applyAlignment="1">
      <alignment vertical="center"/>
    </xf>
    <xf numFmtId="0" fontId="7" fillId="2" borderId="28" xfId="1" applyFont="1" applyFill="1" applyBorder="1" applyAlignment="1">
      <alignment horizontal="center" vertical="center" shrinkToFit="1"/>
    </xf>
    <xf numFmtId="0" fontId="7" fillId="2" borderId="28" xfId="1" applyFont="1" applyFill="1" applyBorder="1" applyAlignment="1">
      <alignment horizontal="center" vertical="center"/>
    </xf>
    <xf numFmtId="0" fontId="7" fillId="2" borderId="13" xfId="1" applyFont="1" applyFill="1" applyBorder="1" applyAlignment="1">
      <alignment horizontal="center" vertical="center"/>
    </xf>
    <xf numFmtId="0" fontId="7" fillId="2" borderId="67" xfId="1" applyFont="1" applyFill="1" applyBorder="1" applyAlignment="1">
      <alignment horizontal="center" vertical="center"/>
    </xf>
    <xf numFmtId="0" fontId="7" fillId="2" borderId="13" xfId="1" applyFont="1" applyFill="1" applyBorder="1" applyAlignment="1">
      <alignment vertical="center"/>
    </xf>
    <xf numFmtId="0" fontId="4" fillId="2" borderId="55" xfId="1" applyFont="1" applyFill="1" applyBorder="1" applyAlignment="1">
      <alignment vertical="center"/>
    </xf>
    <xf numFmtId="0" fontId="7" fillId="2" borderId="70" xfId="1" applyFont="1" applyFill="1" applyBorder="1" applyAlignment="1">
      <alignment horizontal="center" vertical="center" shrinkToFit="1"/>
    </xf>
    <xf numFmtId="0" fontId="7" fillId="2" borderId="0" xfId="1" applyFont="1" applyFill="1" applyBorder="1" applyAlignment="1">
      <alignment horizontal="center" vertical="center" shrinkToFit="1"/>
    </xf>
    <xf numFmtId="0" fontId="7" fillId="2" borderId="81" xfId="1" applyFont="1" applyFill="1" applyBorder="1" applyAlignment="1">
      <alignment horizontal="center" vertical="center" shrinkToFit="1"/>
    </xf>
    <xf numFmtId="0" fontId="7" fillId="2" borderId="86" xfId="1" applyFont="1" applyFill="1" applyBorder="1" applyAlignment="1">
      <alignment horizontal="center" vertical="center" shrinkToFit="1"/>
    </xf>
    <xf numFmtId="0" fontId="7" fillId="2" borderId="84" xfId="1" applyFont="1" applyFill="1" applyBorder="1" applyAlignment="1">
      <alignment horizontal="center" vertical="center" shrinkToFit="1"/>
    </xf>
    <xf numFmtId="0" fontId="4" fillId="0" borderId="0" xfId="0" applyFont="1">
      <alignment vertical="center"/>
    </xf>
    <xf numFmtId="0" fontId="7" fillId="0" borderId="0" xfId="1" applyFont="1" applyAlignment="1">
      <alignment vertical="center" shrinkToFit="1"/>
    </xf>
    <xf numFmtId="0" fontId="10" fillId="2" borderId="0" xfId="0" applyFont="1" applyFill="1" applyAlignment="1">
      <alignment horizontal="center" vertical="center"/>
    </xf>
    <xf numFmtId="0" fontId="4" fillId="2" borderId="27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64" xfId="0" applyFont="1" applyFill="1" applyBorder="1" applyAlignment="1">
      <alignment horizontal="distributed" vertical="center" wrapText="1" indent="1"/>
    </xf>
    <xf numFmtId="0" fontId="4" fillId="2" borderId="27" xfId="0" applyFont="1" applyFill="1" applyBorder="1" applyAlignment="1">
      <alignment horizontal="center" vertical="center"/>
    </xf>
    <xf numFmtId="0" fontId="4" fillId="2" borderId="10" xfId="0" applyFont="1" applyFill="1" applyBorder="1" applyAlignment="1">
      <alignment horizontal="center" vertical="center"/>
    </xf>
    <xf numFmtId="0" fontId="4" fillId="2" borderId="11" xfId="0" applyFont="1" applyFill="1" applyBorder="1" applyAlignment="1">
      <alignment horizontal="center" vertical="center"/>
    </xf>
    <xf numFmtId="0" fontId="11" fillId="2" borderId="27" xfId="0" applyFont="1" applyFill="1" applyBorder="1" applyAlignment="1">
      <alignment horizontal="center" vertical="center" textRotation="255"/>
    </xf>
    <xf numFmtId="0" fontId="11" fillId="2" borderId="10" xfId="0" applyFont="1" applyFill="1" applyBorder="1" applyAlignment="1">
      <alignment horizontal="center" vertical="center" textRotation="255"/>
    </xf>
    <xf numFmtId="0" fontId="11" fillId="2" borderId="11" xfId="0" applyFont="1" applyFill="1" applyBorder="1" applyAlignment="1">
      <alignment horizontal="center" vertical="center" textRotation="255"/>
    </xf>
    <xf numFmtId="0" fontId="4" fillId="2" borderId="53" xfId="0" applyFont="1" applyFill="1" applyBorder="1" applyAlignment="1">
      <alignment horizontal="center" vertical="center" shrinkToFit="1"/>
    </xf>
    <xf numFmtId="0" fontId="4" fillId="2" borderId="12" xfId="0" applyFont="1" applyFill="1" applyBorder="1" applyAlignment="1">
      <alignment horizontal="center" vertical="center" shrinkToFit="1"/>
    </xf>
    <xf numFmtId="0" fontId="4" fillId="2" borderId="54" xfId="0" applyFont="1" applyFill="1" applyBorder="1" applyAlignment="1">
      <alignment horizontal="center" vertical="center" shrinkToFit="1"/>
    </xf>
    <xf numFmtId="0" fontId="4" fillId="2" borderId="53" xfId="0" applyFont="1" applyFill="1" applyBorder="1" applyAlignment="1">
      <alignment horizontal="center" vertical="center"/>
    </xf>
    <xf numFmtId="0" fontId="4" fillId="2" borderId="12" xfId="0" applyFont="1" applyFill="1" applyBorder="1" applyAlignment="1">
      <alignment horizontal="center" vertical="center"/>
    </xf>
    <xf numFmtId="0" fontId="4" fillId="2" borderId="0" xfId="0" applyFont="1" applyFill="1" applyBorder="1" applyAlignment="1">
      <alignment horizontal="center" vertical="center"/>
    </xf>
    <xf numFmtId="0" fontId="4" fillId="2" borderId="67" xfId="0" applyFont="1" applyFill="1" applyBorder="1" applyAlignment="1">
      <alignment horizontal="center" vertical="center"/>
    </xf>
    <xf numFmtId="0" fontId="4" fillId="2" borderId="54" xfId="0" applyFont="1" applyFill="1" applyBorder="1" applyAlignment="1">
      <alignment horizontal="center" vertical="center"/>
    </xf>
    <xf numFmtId="0" fontId="11" fillId="2" borderId="53" xfId="0" applyFont="1" applyFill="1" applyBorder="1" applyAlignment="1">
      <alignment horizontal="center" vertical="center" textRotation="255"/>
    </xf>
    <xf numFmtId="0" fontId="11" fillId="2" borderId="12" xfId="0" applyFont="1" applyFill="1" applyBorder="1" applyAlignment="1">
      <alignment horizontal="center" vertical="center" textRotation="255"/>
    </xf>
    <xf numFmtId="0" fontId="11" fillId="2" borderId="54" xfId="0" applyFont="1" applyFill="1" applyBorder="1" applyAlignment="1">
      <alignment horizontal="center" vertical="center" textRotation="255"/>
    </xf>
    <xf numFmtId="0" fontId="4" fillId="2" borderId="64" xfId="0" applyFont="1" applyFill="1" applyBorder="1" applyAlignment="1">
      <alignment horizontal="center" vertical="center" textRotation="255" shrinkToFit="1"/>
    </xf>
    <xf numFmtId="0" fontId="4" fillId="2" borderId="10" xfId="0" applyFont="1" applyFill="1" applyBorder="1" applyAlignment="1">
      <alignment horizontal="right"/>
    </xf>
    <xf numFmtId="0" fontId="4" fillId="2" borderId="62" xfId="0" applyFont="1" applyFill="1" applyBorder="1" applyAlignment="1">
      <alignment horizontal="right"/>
    </xf>
    <xf numFmtId="0" fontId="4" fillId="2" borderId="82" xfId="0" applyFont="1" applyFill="1" applyBorder="1" applyAlignment="1">
      <alignment horizontal="center" vertical="center"/>
    </xf>
    <xf numFmtId="0" fontId="4" fillId="2" borderId="83" xfId="0" applyFont="1" applyFill="1" applyBorder="1" applyAlignment="1">
      <alignment horizontal="center" vertical="center"/>
    </xf>
    <xf numFmtId="0" fontId="4" fillId="2" borderId="65" xfId="0" applyFont="1" applyFill="1" applyBorder="1" applyAlignment="1">
      <alignment horizontal="center" vertical="center"/>
    </xf>
    <xf numFmtId="0" fontId="4" fillId="2" borderId="11" xfId="0" applyFont="1" applyFill="1" applyBorder="1" applyAlignment="1">
      <alignment horizontal="right"/>
    </xf>
    <xf numFmtId="0" fontId="4" fillId="2" borderId="12" xfId="0" applyFont="1" applyFill="1" applyBorder="1" applyAlignment="1">
      <alignment horizontal="right"/>
    </xf>
    <xf numFmtId="0" fontId="4" fillId="2" borderId="63" xfId="0" applyFont="1" applyFill="1" applyBorder="1" applyAlignment="1">
      <alignment horizontal="right"/>
    </xf>
    <xf numFmtId="0" fontId="4" fillId="2" borderId="66" xfId="0" applyFont="1" applyFill="1" applyBorder="1" applyAlignment="1">
      <alignment horizontal="center" vertical="center"/>
    </xf>
    <xf numFmtId="0" fontId="4" fillId="2" borderId="55" xfId="0" applyFont="1" applyFill="1" applyBorder="1" applyAlignment="1">
      <alignment horizontal="center" vertical="center"/>
    </xf>
    <xf numFmtId="0" fontId="4" fillId="2" borderId="68" xfId="0" applyFont="1" applyFill="1" applyBorder="1" applyAlignment="1">
      <alignment horizontal="center" vertical="center"/>
    </xf>
    <xf numFmtId="0" fontId="4" fillId="2" borderId="54" xfId="0" applyFont="1" applyFill="1" applyBorder="1" applyAlignment="1">
      <alignment horizontal="right"/>
    </xf>
    <xf numFmtId="0" fontId="4" fillId="2" borderId="74" xfId="0" applyFont="1" applyFill="1" applyBorder="1" applyAlignment="1">
      <alignment horizontal="center" vertical="center" wrapText="1"/>
    </xf>
    <xf numFmtId="0" fontId="4" fillId="2" borderId="75" xfId="0" applyFont="1" applyFill="1" applyBorder="1" applyAlignment="1">
      <alignment horizontal="center" vertical="center" wrapText="1"/>
    </xf>
    <xf numFmtId="0" fontId="4" fillId="2" borderId="76" xfId="0" applyFont="1" applyFill="1" applyBorder="1" applyAlignment="1">
      <alignment horizontal="center" vertical="center" wrapText="1"/>
    </xf>
    <xf numFmtId="0" fontId="4" fillId="2" borderId="64" xfId="0" applyFont="1" applyFill="1" applyBorder="1" applyAlignment="1">
      <alignment horizontal="center" vertical="center"/>
    </xf>
    <xf numFmtId="0" fontId="4" fillId="2" borderId="84" xfId="0" applyFont="1" applyFill="1" applyBorder="1" applyAlignment="1">
      <alignment horizontal="center" vertical="center" wrapText="1"/>
    </xf>
    <xf numFmtId="0" fontId="4" fillId="2" borderId="84" xfId="0" applyFont="1" applyFill="1" applyBorder="1" applyAlignment="1">
      <alignment horizontal="center" vertical="center"/>
    </xf>
    <xf numFmtId="0" fontId="4" fillId="2" borderId="74" xfId="0" applyFont="1" applyFill="1" applyBorder="1" applyAlignment="1">
      <alignment horizontal="center" vertical="center"/>
    </xf>
    <xf numFmtId="0" fontId="4" fillId="2" borderId="75" xfId="0" applyFont="1" applyFill="1" applyBorder="1" applyAlignment="1">
      <alignment horizontal="center" vertical="center"/>
    </xf>
    <xf numFmtId="0" fontId="4" fillId="2" borderId="76" xfId="0" applyFont="1" applyFill="1" applyBorder="1" applyAlignment="1">
      <alignment horizontal="center" vertical="center"/>
    </xf>
    <xf numFmtId="0" fontId="4" fillId="2" borderId="6" xfId="0" applyFont="1" applyFill="1" applyBorder="1">
      <alignment vertical="center"/>
    </xf>
    <xf numFmtId="0" fontId="4" fillId="2" borderId="4" xfId="0" applyFont="1" applyFill="1" applyBorder="1">
      <alignment vertical="center"/>
    </xf>
    <xf numFmtId="0" fontId="4" fillId="2" borderId="5" xfId="0" applyFont="1" applyFill="1" applyBorder="1">
      <alignment vertical="center"/>
    </xf>
    <xf numFmtId="0" fontId="4" fillId="2" borderId="80" xfId="0" quotePrefix="1" applyFont="1" applyFill="1" applyBorder="1" applyAlignment="1">
      <alignment horizontal="center" vertical="center"/>
    </xf>
    <xf numFmtId="0" fontId="4" fillId="2" borderId="5" xfId="0" quotePrefix="1" applyFont="1" applyFill="1" applyBorder="1" applyAlignment="1">
      <alignment horizontal="center" vertical="center"/>
    </xf>
    <xf numFmtId="0" fontId="4" fillId="2" borderId="9" xfId="0" applyFont="1" applyFill="1" applyBorder="1">
      <alignment vertical="center"/>
    </xf>
    <xf numFmtId="0" fontId="4" fillId="2" borderId="8" xfId="0" applyFont="1" applyFill="1" applyBorder="1">
      <alignment vertical="center"/>
    </xf>
    <xf numFmtId="0" fontId="4" fillId="2" borderId="18" xfId="0" quotePrefix="1" applyFont="1" applyFill="1" applyBorder="1" applyAlignment="1">
      <alignment horizontal="center" vertical="center"/>
    </xf>
    <xf numFmtId="0" fontId="4" fillId="2" borderId="8" xfId="0" quotePrefix="1" applyFont="1" applyFill="1" applyBorder="1" applyAlignment="1">
      <alignment horizontal="center" vertical="center"/>
    </xf>
    <xf numFmtId="0" fontId="4" fillId="2" borderId="3" xfId="0" applyFont="1" applyFill="1" applyBorder="1">
      <alignment vertical="center"/>
    </xf>
    <xf numFmtId="0" fontId="4" fillId="2" borderId="1" xfId="0" applyFont="1" applyFill="1" applyBorder="1">
      <alignment vertical="center"/>
    </xf>
    <xf numFmtId="0" fontId="4" fillId="2" borderId="2" xfId="0" applyFont="1" applyFill="1" applyBorder="1">
      <alignment vertical="center"/>
    </xf>
    <xf numFmtId="0" fontId="4" fillId="2" borderId="17" xfId="0" quotePrefix="1" applyFont="1" applyFill="1" applyBorder="1" applyAlignment="1">
      <alignment horizontal="center" vertical="center"/>
    </xf>
    <xf numFmtId="0" fontId="4" fillId="2" borderId="2" xfId="0" quotePrefix="1" applyFont="1" applyFill="1" applyBorder="1" applyAlignment="1">
      <alignment horizontal="center" vertical="center"/>
    </xf>
    <xf numFmtId="0" fontId="4" fillId="2" borderId="7" xfId="0" applyFont="1" applyFill="1" applyBorder="1">
      <alignment vertical="center"/>
    </xf>
    <xf numFmtId="0" fontId="4" fillId="2" borderId="64" xfId="0" applyFont="1" applyFill="1" applyBorder="1" applyAlignment="1">
      <alignment horizontal="center" vertical="center" shrinkToFit="1"/>
    </xf>
    <xf numFmtId="0" fontId="6" fillId="2" borderId="27" xfId="0" applyFont="1" applyFill="1" applyBorder="1" applyAlignment="1">
      <alignment horizontal="center" vertical="center" wrapText="1"/>
    </xf>
    <xf numFmtId="0" fontId="6" fillId="2" borderId="10" xfId="0" applyFont="1" applyFill="1" applyBorder="1" applyAlignment="1">
      <alignment horizontal="center" vertical="center" wrapText="1"/>
    </xf>
    <xf numFmtId="0" fontId="6" fillId="2" borderId="11" xfId="0" applyFont="1" applyFill="1" applyBorder="1" applyAlignment="1">
      <alignment horizontal="center" vertical="center" wrapText="1"/>
    </xf>
    <xf numFmtId="0" fontId="11" fillId="2" borderId="27" xfId="0" applyFont="1" applyFill="1" applyBorder="1" applyAlignment="1">
      <alignment horizontal="center" vertical="center" wrapText="1" shrinkToFit="1"/>
    </xf>
    <xf numFmtId="0" fontId="11" fillId="2" borderId="11" xfId="0" applyFont="1" applyFill="1" applyBorder="1" applyAlignment="1">
      <alignment horizontal="center" vertical="center" shrinkToFit="1"/>
    </xf>
    <xf numFmtId="0" fontId="6" fillId="2" borderId="53" xfId="0" applyFont="1" applyFill="1" applyBorder="1" applyAlignment="1">
      <alignment horizontal="center" vertical="center" wrapText="1"/>
    </xf>
    <xf numFmtId="0" fontId="6" fillId="2" borderId="12" xfId="0" applyFont="1" applyFill="1" applyBorder="1" applyAlignment="1">
      <alignment horizontal="center" vertical="center" wrapText="1"/>
    </xf>
    <xf numFmtId="0" fontId="6" fillId="2" borderId="54" xfId="0" applyFont="1" applyFill="1" applyBorder="1" applyAlignment="1">
      <alignment horizontal="center" vertical="center" wrapText="1"/>
    </xf>
    <xf numFmtId="0" fontId="11" fillId="2" borderId="51" xfId="0" applyFont="1" applyFill="1" applyBorder="1" applyAlignment="1">
      <alignment horizontal="center" vertical="center" shrinkToFit="1"/>
    </xf>
    <xf numFmtId="0" fontId="11" fillId="2" borderId="52" xfId="0" applyFont="1" applyFill="1" applyBorder="1" applyAlignment="1">
      <alignment horizontal="center" vertical="center" shrinkToFit="1"/>
    </xf>
    <xf numFmtId="0" fontId="11" fillId="2" borderId="53" xfId="0" applyFont="1" applyFill="1" applyBorder="1" applyAlignment="1">
      <alignment horizontal="center" vertical="center" shrinkToFit="1"/>
    </xf>
    <xf numFmtId="0" fontId="11" fillId="2" borderId="54" xfId="0" applyFont="1" applyFill="1" applyBorder="1" applyAlignment="1">
      <alignment horizontal="center" vertical="center" shrinkToFit="1"/>
    </xf>
    <xf numFmtId="0" fontId="4" fillId="2" borderId="51" xfId="0" applyFont="1" applyFill="1" applyBorder="1" applyAlignment="1">
      <alignment horizontal="center" vertical="center" shrinkToFit="1"/>
    </xf>
    <xf numFmtId="0" fontId="4" fillId="2" borderId="52" xfId="0" applyFont="1" applyFill="1" applyBorder="1" applyAlignment="1">
      <alignment horizontal="center" vertical="center" shrinkToFit="1"/>
    </xf>
    <xf numFmtId="0" fontId="11" fillId="2" borderId="64" xfId="0" applyFont="1" applyFill="1" applyBorder="1" applyAlignment="1">
      <alignment horizontal="center" vertical="center" wrapText="1" shrinkToFit="1"/>
    </xf>
    <xf numFmtId="0" fontId="11" fillId="2" borderId="64" xfId="0" applyFont="1" applyFill="1" applyBorder="1" applyAlignment="1">
      <alignment horizontal="center" vertical="center" shrinkToFit="1"/>
    </xf>
    <xf numFmtId="0" fontId="11" fillId="2" borderId="27" xfId="0" applyFont="1" applyFill="1" applyBorder="1" applyAlignment="1">
      <alignment horizontal="center" vertical="center" wrapText="1"/>
    </xf>
    <xf numFmtId="0" fontId="11" fillId="2" borderId="10" xfId="0" applyFont="1" applyFill="1" applyBorder="1" applyAlignment="1">
      <alignment horizontal="center" vertical="center"/>
    </xf>
    <xf numFmtId="0" fontId="11" fillId="2" borderId="11" xfId="0" applyFont="1" applyFill="1" applyBorder="1" applyAlignment="1">
      <alignment horizontal="center" vertical="center"/>
    </xf>
    <xf numFmtId="0" fontId="11" fillId="2" borderId="53" xfId="0" applyFont="1" applyFill="1" applyBorder="1" applyAlignment="1">
      <alignment horizontal="center" vertical="center"/>
    </xf>
    <xf numFmtId="0" fontId="11" fillId="2" borderId="12" xfId="0" applyFont="1" applyFill="1" applyBorder="1" applyAlignment="1">
      <alignment horizontal="center" vertical="center"/>
    </xf>
    <xf numFmtId="0" fontId="11" fillId="2" borderId="54" xfId="0" applyFont="1" applyFill="1" applyBorder="1" applyAlignment="1">
      <alignment horizontal="center" vertical="center"/>
    </xf>
    <xf numFmtId="0" fontId="6" fillId="2" borderId="10" xfId="0" applyFont="1" applyFill="1" applyBorder="1" applyAlignment="1">
      <alignment horizontal="left" vertical="center" shrinkToFit="1"/>
    </xf>
    <xf numFmtId="0" fontId="6" fillId="2" borderId="12" xfId="0" applyFont="1" applyFill="1" applyBorder="1" applyAlignment="1">
      <alignment horizontal="left" vertical="center" shrinkToFit="1"/>
    </xf>
    <xf numFmtId="0" fontId="6" fillId="2" borderId="10" xfId="0" applyFont="1" applyFill="1" applyBorder="1" applyAlignment="1">
      <alignment horizontal="center" vertical="center" shrinkToFit="1"/>
    </xf>
    <xf numFmtId="0" fontId="6" fillId="2" borderId="12" xfId="0" applyFont="1" applyFill="1" applyBorder="1" applyAlignment="1">
      <alignment horizontal="center" vertical="center" shrinkToFit="1"/>
    </xf>
    <xf numFmtId="0" fontId="6" fillId="2" borderId="11" xfId="0" applyFont="1" applyFill="1" applyBorder="1" applyAlignment="1">
      <alignment horizontal="right" vertical="center" shrinkToFit="1"/>
    </xf>
    <xf numFmtId="0" fontId="6" fillId="2" borderId="54" xfId="0" applyFont="1" applyFill="1" applyBorder="1" applyAlignment="1">
      <alignment horizontal="right" vertical="center" shrinkToFit="1"/>
    </xf>
    <xf numFmtId="0" fontId="6" fillId="2" borderId="10" xfId="0" applyFont="1" applyFill="1" applyBorder="1" applyAlignment="1">
      <alignment horizontal="right" vertical="center" shrinkToFit="1"/>
    </xf>
    <xf numFmtId="0" fontId="6" fillId="2" borderId="12" xfId="0" applyFont="1" applyFill="1" applyBorder="1" applyAlignment="1">
      <alignment horizontal="right" vertical="center" shrinkToFit="1"/>
    </xf>
    <xf numFmtId="0" fontId="6" fillId="2" borderId="27" xfId="0" applyFont="1" applyFill="1" applyBorder="1" applyAlignment="1">
      <alignment horizontal="right" vertical="center" shrinkToFit="1"/>
    </xf>
    <xf numFmtId="0" fontId="6" fillId="2" borderId="53" xfId="0" applyFont="1" applyFill="1" applyBorder="1" applyAlignment="1">
      <alignment horizontal="right" vertical="center" shrinkToFit="1"/>
    </xf>
  </cellXfs>
  <cellStyles count="3">
    <cellStyle name="標準" xfId="0" builtinId="0"/>
    <cellStyle name="標準_H1７男子団体結果出力用" xfId="1" xr:uid="{00000000-0005-0000-0000-000001000000}"/>
    <cellStyle name="標準_ジャッジペーパー" xfId="2" xr:uid="{00000000-0005-0000-0000-000002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8</xdr:col>
      <xdr:colOff>59766</xdr:colOff>
      <xdr:row>28</xdr:row>
      <xdr:rowOff>119534</xdr:rowOff>
    </xdr:from>
    <xdr:to>
      <xdr:col>19</xdr:col>
      <xdr:colOff>134469</xdr:colOff>
      <xdr:row>28</xdr:row>
      <xdr:rowOff>388473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7F2B8EA5-F3E8-2A72-B408-A93580CFE96B}"/>
            </a:ext>
          </a:extLst>
        </xdr:cNvPr>
        <xdr:cNvSpPr/>
      </xdr:nvSpPr>
      <xdr:spPr>
        <a:xfrm>
          <a:off x="3556001" y="9853710"/>
          <a:ext cx="268939" cy="268939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342900</xdr:colOff>
      <xdr:row>19</xdr:row>
      <xdr:rowOff>158750</xdr:rowOff>
    </xdr:from>
    <xdr:to>
      <xdr:col>17</xdr:col>
      <xdr:colOff>107950</xdr:colOff>
      <xdr:row>21</xdr:row>
      <xdr:rowOff>19050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A11C6146-7F97-6F52-4309-ABBA23C1B9D0}"/>
            </a:ext>
          </a:extLst>
        </xdr:cNvPr>
        <xdr:cNvSpPr/>
      </xdr:nvSpPr>
      <xdr:spPr>
        <a:xfrm>
          <a:off x="3390900" y="3346450"/>
          <a:ext cx="190500" cy="19050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6</xdr:col>
      <xdr:colOff>342900</xdr:colOff>
      <xdr:row>40</xdr:row>
      <xdr:rowOff>158750</xdr:rowOff>
    </xdr:from>
    <xdr:to>
      <xdr:col>17</xdr:col>
      <xdr:colOff>107950</xdr:colOff>
      <xdr:row>42</xdr:row>
      <xdr:rowOff>19050</xdr:rowOff>
    </xdr:to>
    <xdr:sp macro="" textlink="">
      <xdr:nvSpPr>
        <xdr:cNvPr id="3" name="楕円 2">
          <a:extLst>
            <a:ext uri="{FF2B5EF4-FFF2-40B4-BE49-F238E27FC236}">
              <a16:creationId xmlns:a16="http://schemas.microsoft.com/office/drawing/2014/main" id="{A299C0B4-5A35-4405-ABC3-F0ABD7CD7617}"/>
            </a:ext>
          </a:extLst>
        </xdr:cNvPr>
        <xdr:cNvSpPr/>
      </xdr:nvSpPr>
      <xdr:spPr>
        <a:xfrm>
          <a:off x="3390900" y="3346450"/>
          <a:ext cx="190500" cy="19050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6</xdr:col>
      <xdr:colOff>342900</xdr:colOff>
      <xdr:row>61</xdr:row>
      <xdr:rowOff>158750</xdr:rowOff>
    </xdr:from>
    <xdr:to>
      <xdr:col>17</xdr:col>
      <xdr:colOff>107950</xdr:colOff>
      <xdr:row>63</xdr:row>
      <xdr:rowOff>19050</xdr:rowOff>
    </xdr:to>
    <xdr:sp macro="" textlink="">
      <xdr:nvSpPr>
        <xdr:cNvPr id="4" name="楕円 3">
          <a:extLst>
            <a:ext uri="{FF2B5EF4-FFF2-40B4-BE49-F238E27FC236}">
              <a16:creationId xmlns:a16="http://schemas.microsoft.com/office/drawing/2014/main" id="{220906AA-6667-4451-B5D8-08EED759B0D3}"/>
            </a:ext>
          </a:extLst>
        </xdr:cNvPr>
        <xdr:cNvSpPr/>
      </xdr:nvSpPr>
      <xdr:spPr>
        <a:xfrm>
          <a:off x="3390900" y="6654800"/>
          <a:ext cx="190500" cy="190500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0">
    <pageSetUpPr fitToPage="1"/>
  </sheetPr>
  <dimension ref="A1:AL36"/>
  <sheetViews>
    <sheetView topLeftCell="A25" zoomScale="85" zoomScaleNormal="75" workbookViewId="0">
      <selection activeCell="F40" sqref="F40"/>
    </sheetView>
  </sheetViews>
  <sheetFormatPr defaultColWidth="9" defaultRowHeight="13" x14ac:dyDescent="0.2"/>
  <cols>
    <col min="1" max="38" width="2.81640625" style="1" customWidth="1"/>
    <col min="39" max="39" width="1.90625" style="1" customWidth="1"/>
    <col min="40" max="16384" width="9" style="1"/>
  </cols>
  <sheetData>
    <row r="1" spans="1:38" ht="20.5" x14ac:dyDescent="0.2">
      <c r="A1" s="2" t="s">
        <v>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</row>
    <row r="2" spans="1:38" ht="6.75" customHeight="1" thickBot="1" x14ac:dyDescent="0.25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4"/>
      <c r="AK2" s="3"/>
      <c r="AL2" s="3"/>
    </row>
    <row r="3" spans="1:38" ht="23.5" customHeight="1" x14ac:dyDescent="0.2">
      <c r="A3" s="5" t="s">
        <v>17</v>
      </c>
      <c r="B3" s="6"/>
      <c r="C3" s="7" t="s">
        <v>57</v>
      </c>
      <c r="D3" s="7"/>
      <c r="E3" s="7"/>
      <c r="F3" s="7"/>
      <c r="G3" s="7"/>
      <c r="H3" s="7"/>
      <c r="I3" s="7"/>
      <c r="J3" s="7" t="s">
        <v>12</v>
      </c>
      <c r="K3" s="8"/>
      <c r="L3" s="9"/>
      <c r="M3" s="9"/>
      <c r="N3" s="9"/>
      <c r="O3" s="9"/>
      <c r="P3" s="10" t="s">
        <v>18</v>
      </c>
      <c r="Q3" s="10"/>
      <c r="R3" s="11"/>
      <c r="S3" s="12" t="s">
        <v>39</v>
      </c>
      <c r="T3" s="13"/>
      <c r="U3" s="13"/>
      <c r="V3" s="13"/>
      <c r="W3" s="13"/>
      <c r="X3" s="13"/>
      <c r="Y3" s="13"/>
      <c r="Z3" s="13"/>
      <c r="AA3" s="13"/>
      <c r="AB3" s="14"/>
      <c r="AC3" s="12" t="s">
        <v>38</v>
      </c>
      <c r="AD3" s="13"/>
      <c r="AE3" s="13"/>
      <c r="AF3" s="13"/>
      <c r="AG3" s="13"/>
      <c r="AH3" s="13"/>
      <c r="AI3" s="13"/>
      <c r="AJ3" s="13"/>
      <c r="AK3" s="13"/>
      <c r="AL3" s="15"/>
    </row>
    <row r="4" spans="1:38" ht="23.5" customHeight="1" x14ac:dyDescent="0.2">
      <c r="A4" s="16"/>
      <c r="B4" s="17"/>
      <c r="C4" s="18"/>
      <c r="D4" s="18"/>
      <c r="E4" s="18"/>
      <c r="F4" s="18"/>
      <c r="G4" s="18"/>
      <c r="H4" s="18"/>
      <c r="I4" s="18"/>
      <c r="J4" s="18"/>
      <c r="K4" s="19"/>
      <c r="L4" s="20"/>
      <c r="M4" s="20"/>
      <c r="N4" s="20"/>
      <c r="O4" s="20"/>
      <c r="P4" s="21"/>
      <c r="Q4" s="21"/>
      <c r="R4" s="22"/>
      <c r="S4" s="23"/>
      <c r="T4" s="24"/>
      <c r="U4" s="24"/>
      <c r="V4" s="24"/>
      <c r="W4" s="24"/>
      <c r="X4" s="24"/>
      <c r="Y4" s="24"/>
      <c r="Z4" s="24"/>
      <c r="AA4" s="24"/>
      <c r="AB4" s="25"/>
      <c r="AC4" s="23"/>
      <c r="AD4" s="24"/>
      <c r="AE4" s="24"/>
      <c r="AF4" s="24"/>
      <c r="AG4" s="24"/>
      <c r="AH4" s="24"/>
      <c r="AI4" s="24"/>
      <c r="AJ4" s="24"/>
      <c r="AK4" s="24"/>
      <c r="AL4" s="26"/>
    </row>
    <row r="5" spans="1:38" ht="23.5" customHeight="1" x14ac:dyDescent="0.2">
      <c r="A5" s="27" t="s">
        <v>12</v>
      </c>
      <c r="B5" s="28"/>
      <c r="C5" s="29"/>
      <c r="D5" s="29"/>
      <c r="E5" s="29"/>
      <c r="F5" s="29"/>
      <c r="G5" s="29"/>
      <c r="H5" s="29" t="s">
        <v>13</v>
      </c>
      <c r="I5" s="30"/>
      <c r="J5" s="31" t="s">
        <v>43</v>
      </c>
      <c r="K5" s="32"/>
      <c r="L5" s="32"/>
      <c r="M5" s="33"/>
      <c r="N5" s="33"/>
      <c r="O5" s="34" t="s">
        <v>42</v>
      </c>
      <c r="P5" s="33"/>
      <c r="Q5" s="33"/>
      <c r="R5" s="35" t="s">
        <v>41</v>
      </c>
      <c r="S5" s="36" t="s">
        <v>40</v>
      </c>
      <c r="T5" s="37"/>
      <c r="U5" s="37"/>
      <c r="V5" s="37"/>
      <c r="W5" s="37"/>
      <c r="X5" s="37"/>
      <c r="Y5" s="37"/>
      <c r="Z5" s="37"/>
      <c r="AA5" s="37"/>
      <c r="AB5" s="38"/>
      <c r="AC5" s="36" t="s">
        <v>40</v>
      </c>
      <c r="AD5" s="37"/>
      <c r="AE5" s="37"/>
      <c r="AF5" s="37"/>
      <c r="AG5" s="37"/>
      <c r="AH5" s="37"/>
      <c r="AI5" s="37"/>
      <c r="AJ5" s="37"/>
      <c r="AK5" s="37"/>
      <c r="AL5" s="39"/>
    </row>
    <row r="6" spans="1:38" ht="23.5" customHeight="1" x14ac:dyDescent="0.2">
      <c r="A6" s="40"/>
      <c r="B6" s="20"/>
      <c r="C6" s="20"/>
      <c r="D6" s="20"/>
      <c r="E6" s="20"/>
      <c r="F6" s="20"/>
      <c r="G6" s="20"/>
      <c r="H6" s="20"/>
      <c r="I6" s="41"/>
      <c r="J6" s="42" t="s">
        <v>44</v>
      </c>
      <c r="K6" s="43"/>
      <c r="L6" s="43"/>
      <c r="M6" s="43"/>
      <c r="N6" s="43"/>
      <c r="O6" s="44" t="s">
        <v>42</v>
      </c>
      <c r="P6" s="43"/>
      <c r="Q6" s="43"/>
      <c r="R6" s="45" t="s">
        <v>41</v>
      </c>
      <c r="S6" s="23"/>
      <c r="T6" s="24"/>
      <c r="U6" s="24"/>
      <c r="V6" s="24"/>
      <c r="W6" s="24"/>
      <c r="X6" s="24"/>
      <c r="Y6" s="24"/>
      <c r="Z6" s="24"/>
      <c r="AA6" s="24"/>
      <c r="AB6" s="25"/>
      <c r="AC6" s="23"/>
      <c r="AD6" s="24"/>
      <c r="AE6" s="24"/>
      <c r="AF6" s="24"/>
      <c r="AG6" s="24"/>
      <c r="AH6" s="24"/>
      <c r="AI6" s="24"/>
      <c r="AJ6" s="24"/>
      <c r="AK6" s="24"/>
      <c r="AL6" s="26"/>
    </row>
    <row r="7" spans="1:38" ht="16.5" customHeight="1" x14ac:dyDescent="0.2">
      <c r="A7" s="46" t="s">
        <v>58</v>
      </c>
      <c r="B7" s="47"/>
      <c r="C7" s="48"/>
      <c r="D7" s="48"/>
      <c r="E7" s="49"/>
      <c r="F7" s="47" t="s">
        <v>7</v>
      </c>
      <c r="G7" s="49"/>
      <c r="H7" s="47"/>
      <c r="I7" s="48"/>
      <c r="J7" s="48"/>
      <c r="K7" s="48"/>
      <c r="L7" s="48"/>
      <c r="M7" s="48"/>
      <c r="N7" s="48"/>
      <c r="O7" s="48"/>
      <c r="P7" s="48"/>
      <c r="Q7" s="47" t="s">
        <v>36</v>
      </c>
      <c r="R7" s="48"/>
      <c r="S7" s="48"/>
      <c r="T7" s="48"/>
      <c r="U7" s="48"/>
      <c r="V7" s="49"/>
      <c r="W7" s="193" t="s">
        <v>58</v>
      </c>
      <c r="X7" s="47"/>
      <c r="Y7" s="48"/>
      <c r="Z7" s="48"/>
      <c r="AA7" s="49"/>
      <c r="AB7" s="47" t="s">
        <v>7</v>
      </c>
      <c r="AC7" s="49"/>
      <c r="AD7" s="47"/>
      <c r="AE7" s="48"/>
      <c r="AF7" s="48"/>
      <c r="AG7" s="48"/>
      <c r="AH7" s="48"/>
      <c r="AI7" s="48"/>
      <c r="AJ7" s="48"/>
      <c r="AK7" s="48"/>
      <c r="AL7" s="50"/>
    </row>
    <row r="8" spans="1:38" ht="16.5" customHeight="1" x14ac:dyDescent="0.2">
      <c r="A8" s="51"/>
      <c r="B8" s="52"/>
      <c r="C8" s="53"/>
      <c r="D8" s="53"/>
      <c r="E8" s="54"/>
      <c r="F8" s="52"/>
      <c r="G8" s="54"/>
      <c r="H8" s="52"/>
      <c r="I8" s="53"/>
      <c r="J8" s="53"/>
      <c r="K8" s="53"/>
      <c r="L8" s="53"/>
      <c r="M8" s="53"/>
      <c r="N8" s="53"/>
      <c r="O8" s="53"/>
      <c r="P8" s="53"/>
      <c r="Q8" s="52"/>
      <c r="R8" s="53"/>
      <c r="S8" s="53"/>
      <c r="T8" s="53"/>
      <c r="U8" s="53"/>
      <c r="V8" s="54"/>
      <c r="W8" s="194"/>
      <c r="X8" s="52"/>
      <c r="Y8" s="192"/>
      <c r="Z8" s="192"/>
      <c r="AA8" s="54"/>
      <c r="AB8" s="52"/>
      <c r="AC8" s="54"/>
      <c r="AD8" s="52"/>
      <c r="AE8" s="53"/>
      <c r="AF8" s="53"/>
      <c r="AG8" s="53"/>
      <c r="AH8" s="53"/>
      <c r="AI8" s="53"/>
      <c r="AJ8" s="53"/>
      <c r="AK8" s="53"/>
      <c r="AL8" s="55"/>
    </row>
    <row r="9" spans="1:38" ht="16.5" customHeight="1" x14ac:dyDescent="0.2">
      <c r="A9" s="56"/>
      <c r="B9" s="57"/>
      <c r="C9" s="58"/>
      <c r="D9" s="58"/>
      <c r="E9" s="59"/>
      <c r="F9" s="57"/>
      <c r="G9" s="59"/>
      <c r="H9" s="57"/>
      <c r="I9" s="58"/>
      <c r="J9" s="58"/>
      <c r="K9" s="58"/>
      <c r="L9" s="58"/>
      <c r="M9" s="58"/>
      <c r="N9" s="58"/>
      <c r="O9" s="58"/>
      <c r="P9" s="58"/>
      <c r="Q9" s="60" t="s">
        <v>21</v>
      </c>
      <c r="R9" s="61"/>
      <c r="S9" s="61"/>
      <c r="T9" s="61"/>
      <c r="U9" s="61"/>
      <c r="V9" s="62"/>
      <c r="W9" s="195"/>
      <c r="X9" s="57"/>
      <c r="Y9" s="58"/>
      <c r="Z9" s="58"/>
      <c r="AA9" s="59"/>
      <c r="AB9" s="57"/>
      <c r="AC9" s="59"/>
      <c r="AD9" s="57"/>
      <c r="AE9" s="58"/>
      <c r="AF9" s="58"/>
      <c r="AG9" s="58"/>
      <c r="AH9" s="58"/>
      <c r="AI9" s="58"/>
      <c r="AJ9" s="58"/>
      <c r="AK9" s="58"/>
      <c r="AL9" s="63"/>
    </row>
    <row r="10" spans="1:38" ht="16.5" customHeight="1" x14ac:dyDescent="0.2">
      <c r="A10" s="64" t="s">
        <v>19</v>
      </c>
      <c r="B10" s="65"/>
      <c r="C10" s="66"/>
      <c r="D10" s="67" t="s">
        <v>20</v>
      </c>
      <c r="E10" s="68"/>
      <c r="F10" s="69"/>
      <c r="G10" s="69"/>
      <c r="H10" s="69"/>
      <c r="I10" s="69"/>
      <c r="J10" s="69"/>
      <c r="K10" s="69"/>
      <c r="L10" s="69"/>
      <c r="M10" s="69"/>
      <c r="N10" s="69"/>
      <c r="O10" s="69"/>
      <c r="P10" s="70"/>
      <c r="Q10" s="60"/>
      <c r="R10" s="61"/>
      <c r="S10" s="61"/>
      <c r="T10" s="61"/>
      <c r="U10" s="61"/>
      <c r="V10" s="62"/>
      <c r="W10" s="71" t="s">
        <v>19</v>
      </c>
      <c r="X10" s="65"/>
      <c r="Y10" s="66"/>
      <c r="Z10" s="68" t="s">
        <v>20</v>
      </c>
      <c r="AA10" s="70"/>
      <c r="AB10" s="72"/>
      <c r="AC10" s="29"/>
      <c r="AD10" s="29"/>
      <c r="AE10" s="29"/>
      <c r="AF10" s="29"/>
      <c r="AG10" s="29"/>
      <c r="AH10" s="29"/>
      <c r="AI10" s="29"/>
      <c r="AJ10" s="29"/>
      <c r="AK10" s="29"/>
      <c r="AL10" s="73"/>
    </row>
    <row r="11" spans="1:38" ht="16.5" customHeight="1" x14ac:dyDescent="0.2">
      <c r="A11" s="74"/>
      <c r="B11" s="75"/>
      <c r="C11" s="76"/>
      <c r="D11" s="67"/>
      <c r="E11" s="67"/>
      <c r="F11" s="77"/>
      <c r="G11" s="77"/>
      <c r="H11" s="77"/>
      <c r="I11" s="77"/>
      <c r="J11" s="77"/>
      <c r="K11" s="77"/>
      <c r="L11" s="77"/>
      <c r="M11" s="77"/>
      <c r="N11" s="77"/>
      <c r="O11" s="77"/>
      <c r="P11" s="78"/>
      <c r="Q11" s="60"/>
      <c r="R11" s="61"/>
      <c r="S11" s="61"/>
      <c r="T11" s="61"/>
      <c r="U11" s="61"/>
      <c r="V11" s="62"/>
      <c r="W11" s="79"/>
      <c r="X11" s="75"/>
      <c r="Y11" s="76"/>
      <c r="Z11" s="67"/>
      <c r="AA11" s="78"/>
      <c r="AB11" s="80"/>
      <c r="AC11" s="28"/>
      <c r="AD11" s="28"/>
      <c r="AE11" s="28"/>
      <c r="AF11" s="28"/>
      <c r="AG11" s="28"/>
      <c r="AH11" s="28"/>
      <c r="AI11" s="28"/>
      <c r="AJ11" s="28"/>
      <c r="AK11" s="28"/>
      <c r="AL11" s="81"/>
    </row>
    <row r="12" spans="1:38" ht="16.5" customHeight="1" x14ac:dyDescent="0.2">
      <c r="A12" s="74"/>
      <c r="B12" s="75"/>
      <c r="C12" s="76"/>
      <c r="D12" s="82"/>
      <c r="E12" s="82"/>
      <c r="F12" s="83"/>
      <c r="G12" s="83"/>
      <c r="H12" s="83"/>
      <c r="I12" s="83"/>
      <c r="J12" s="83"/>
      <c r="K12" s="83"/>
      <c r="L12" s="83"/>
      <c r="M12" s="83"/>
      <c r="N12" s="83"/>
      <c r="O12" s="83"/>
      <c r="P12" s="84"/>
      <c r="Q12" s="60"/>
      <c r="R12" s="61"/>
      <c r="S12" s="61"/>
      <c r="T12" s="61"/>
      <c r="U12" s="61"/>
      <c r="V12" s="62"/>
      <c r="W12" s="79"/>
      <c r="X12" s="75"/>
      <c r="Y12" s="76"/>
      <c r="Z12" s="82"/>
      <c r="AA12" s="84"/>
      <c r="AB12" s="85"/>
      <c r="AC12" s="20"/>
      <c r="AD12" s="20"/>
      <c r="AE12" s="20"/>
      <c r="AF12" s="20"/>
      <c r="AG12" s="20"/>
      <c r="AH12" s="20"/>
      <c r="AI12" s="20"/>
      <c r="AJ12" s="20"/>
      <c r="AK12" s="20"/>
      <c r="AL12" s="86"/>
    </row>
    <row r="13" spans="1:38" ht="16.5" customHeight="1" x14ac:dyDescent="0.2">
      <c r="A13" s="74"/>
      <c r="B13" s="75"/>
      <c r="C13" s="76"/>
      <c r="D13" s="68" t="s">
        <v>22</v>
      </c>
      <c r="E13" s="67"/>
      <c r="F13" s="77"/>
      <c r="G13" s="77"/>
      <c r="H13" s="77"/>
      <c r="I13" s="77"/>
      <c r="J13" s="77"/>
      <c r="K13" s="77"/>
      <c r="L13" s="77"/>
      <c r="M13" s="77"/>
      <c r="N13" s="77"/>
      <c r="O13" s="77"/>
      <c r="P13" s="77"/>
      <c r="Q13" s="60"/>
      <c r="R13" s="61"/>
      <c r="S13" s="61"/>
      <c r="T13" s="61"/>
      <c r="U13" s="61"/>
      <c r="V13" s="62"/>
      <c r="W13" s="79"/>
      <c r="X13" s="75"/>
      <c r="Y13" s="76"/>
      <c r="Z13" s="68" t="s">
        <v>22</v>
      </c>
      <c r="AA13" s="70"/>
      <c r="AB13" s="72"/>
      <c r="AC13" s="29"/>
      <c r="AD13" s="29"/>
      <c r="AE13" s="29"/>
      <c r="AF13" s="29"/>
      <c r="AG13" s="29"/>
      <c r="AH13" s="29"/>
      <c r="AI13" s="29"/>
      <c r="AJ13" s="29"/>
      <c r="AK13" s="29"/>
      <c r="AL13" s="73"/>
    </row>
    <row r="14" spans="1:38" ht="16.5" customHeight="1" x14ac:dyDescent="0.2">
      <c r="A14" s="87"/>
      <c r="B14" s="88"/>
      <c r="C14" s="89"/>
      <c r="D14" s="67"/>
      <c r="E14" s="67"/>
      <c r="F14" s="77"/>
      <c r="G14" s="77"/>
      <c r="H14" s="77"/>
      <c r="I14" s="77"/>
      <c r="J14" s="77"/>
      <c r="K14" s="77"/>
      <c r="L14" s="77"/>
      <c r="M14" s="77"/>
      <c r="N14" s="77"/>
      <c r="O14" s="77"/>
      <c r="P14" s="77"/>
      <c r="Q14" s="60"/>
      <c r="R14" s="61"/>
      <c r="S14" s="61"/>
      <c r="T14" s="61"/>
      <c r="U14" s="61"/>
      <c r="V14" s="62"/>
      <c r="W14" s="90"/>
      <c r="X14" s="88"/>
      <c r="Y14" s="89"/>
      <c r="Z14" s="67"/>
      <c r="AA14" s="78"/>
      <c r="AB14" s="80"/>
      <c r="AC14" s="28"/>
      <c r="AD14" s="28"/>
      <c r="AE14" s="28"/>
      <c r="AF14" s="28"/>
      <c r="AG14" s="28"/>
      <c r="AH14" s="28"/>
      <c r="AI14" s="28"/>
      <c r="AJ14" s="28"/>
      <c r="AK14" s="28"/>
      <c r="AL14" s="81"/>
    </row>
    <row r="15" spans="1:38" ht="16.5" customHeight="1" x14ac:dyDescent="0.2">
      <c r="A15" s="40" t="s">
        <v>23</v>
      </c>
      <c r="B15" s="20"/>
      <c r="C15" s="20"/>
      <c r="D15" s="82"/>
      <c r="E15" s="82"/>
      <c r="F15" s="83"/>
      <c r="G15" s="83"/>
      <c r="H15" s="83"/>
      <c r="I15" s="83"/>
      <c r="J15" s="83"/>
      <c r="K15" s="83"/>
      <c r="L15" s="83"/>
      <c r="M15" s="83"/>
      <c r="N15" s="83"/>
      <c r="O15" s="83"/>
      <c r="P15" s="83"/>
      <c r="Q15" s="91"/>
      <c r="R15" s="92"/>
      <c r="S15" s="92"/>
      <c r="T15" s="92"/>
      <c r="U15" s="92"/>
      <c r="V15" s="93"/>
      <c r="W15" s="85" t="s">
        <v>23</v>
      </c>
      <c r="X15" s="20"/>
      <c r="Y15" s="20"/>
      <c r="Z15" s="82"/>
      <c r="AA15" s="84"/>
      <c r="AB15" s="85"/>
      <c r="AC15" s="20"/>
      <c r="AD15" s="20"/>
      <c r="AE15" s="20"/>
      <c r="AF15" s="20"/>
      <c r="AG15" s="20"/>
      <c r="AH15" s="20"/>
      <c r="AI15" s="20"/>
      <c r="AJ15" s="20"/>
      <c r="AK15" s="20"/>
      <c r="AL15" s="86"/>
    </row>
    <row r="16" spans="1:38" ht="38.25" customHeight="1" x14ac:dyDescent="0.2">
      <c r="A16" s="94" t="s">
        <v>48</v>
      </c>
      <c r="B16" s="30" t="s">
        <v>24</v>
      </c>
      <c r="C16" s="95"/>
      <c r="D16" s="96"/>
      <c r="E16" s="96"/>
      <c r="F16" s="96"/>
      <c r="G16" s="96"/>
      <c r="H16" s="97"/>
      <c r="I16" s="95"/>
      <c r="J16" s="98"/>
      <c r="K16" s="95"/>
      <c r="L16" s="98"/>
      <c r="M16" s="95"/>
      <c r="N16" s="98"/>
      <c r="O16" s="95"/>
      <c r="P16" s="98"/>
      <c r="Q16" s="99" t="s">
        <v>49</v>
      </c>
      <c r="R16" s="100"/>
      <c r="S16" s="100"/>
      <c r="T16" s="100"/>
      <c r="U16" s="100"/>
      <c r="V16" s="100"/>
      <c r="W16" s="72" t="s">
        <v>48</v>
      </c>
      <c r="X16" s="30" t="s">
        <v>24</v>
      </c>
      <c r="Y16" s="95"/>
      <c r="Z16" s="96"/>
      <c r="AA16" s="96"/>
      <c r="AB16" s="96"/>
      <c r="AC16" s="96"/>
      <c r="AD16" s="97"/>
      <c r="AE16" s="95"/>
      <c r="AF16" s="98"/>
      <c r="AG16" s="95"/>
      <c r="AH16" s="98"/>
      <c r="AI16" s="95"/>
      <c r="AJ16" s="98"/>
      <c r="AK16" s="95"/>
      <c r="AL16" s="101"/>
    </row>
    <row r="17" spans="1:38" ht="38.25" customHeight="1" x14ac:dyDescent="0.2">
      <c r="A17" s="27"/>
      <c r="B17" s="102"/>
      <c r="C17" s="103"/>
      <c r="D17" s="104"/>
      <c r="E17" s="105"/>
      <c r="F17" s="106"/>
      <c r="G17" s="105"/>
      <c r="H17" s="106"/>
      <c r="I17" s="103"/>
      <c r="J17" s="107"/>
      <c r="K17" s="108"/>
      <c r="L17" s="109"/>
      <c r="M17" s="103"/>
      <c r="N17" s="109"/>
      <c r="O17" s="103"/>
      <c r="P17" s="109"/>
      <c r="Q17" s="21"/>
      <c r="R17" s="21"/>
      <c r="S17" s="21"/>
      <c r="T17" s="21"/>
      <c r="U17" s="21"/>
      <c r="V17" s="21"/>
      <c r="W17" s="80"/>
      <c r="X17" s="102"/>
      <c r="Y17" s="103"/>
      <c r="Z17" s="104"/>
      <c r="AA17" s="105"/>
      <c r="AB17" s="106"/>
      <c r="AC17" s="105"/>
      <c r="AD17" s="106"/>
      <c r="AE17" s="103"/>
      <c r="AF17" s="107"/>
      <c r="AG17" s="108"/>
      <c r="AH17" s="109"/>
      <c r="AI17" s="103"/>
      <c r="AJ17" s="109"/>
      <c r="AK17" s="103"/>
      <c r="AL17" s="110"/>
    </row>
    <row r="18" spans="1:38" ht="38.25" customHeight="1" x14ac:dyDescent="0.2">
      <c r="A18" s="94" t="s">
        <v>48</v>
      </c>
      <c r="B18" s="30" t="s">
        <v>24</v>
      </c>
      <c r="C18" s="95"/>
      <c r="D18" s="96"/>
      <c r="E18" s="96"/>
      <c r="F18" s="96"/>
      <c r="G18" s="96"/>
      <c r="H18" s="97"/>
      <c r="I18" s="95"/>
      <c r="J18" s="98"/>
      <c r="K18" s="95"/>
      <c r="L18" s="98"/>
      <c r="M18" s="95"/>
      <c r="N18" s="98"/>
      <c r="O18" s="95"/>
      <c r="P18" s="98"/>
      <c r="Q18" s="99" t="s">
        <v>50</v>
      </c>
      <c r="R18" s="100"/>
      <c r="S18" s="100"/>
      <c r="T18" s="100"/>
      <c r="U18" s="100"/>
      <c r="V18" s="100"/>
      <c r="W18" s="72" t="s">
        <v>48</v>
      </c>
      <c r="X18" s="30" t="s">
        <v>24</v>
      </c>
      <c r="Y18" s="95"/>
      <c r="Z18" s="96"/>
      <c r="AA18" s="96"/>
      <c r="AB18" s="96"/>
      <c r="AC18" s="96"/>
      <c r="AD18" s="97"/>
      <c r="AE18" s="95"/>
      <c r="AF18" s="98"/>
      <c r="AG18" s="95"/>
      <c r="AH18" s="98"/>
      <c r="AI18" s="95"/>
      <c r="AJ18" s="98"/>
      <c r="AK18" s="95"/>
      <c r="AL18" s="101"/>
    </row>
    <row r="19" spans="1:38" ht="38.25" customHeight="1" x14ac:dyDescent="0.2">
      <c r="A19" s="40"/>
      <c r="B19" s="41"/>
      <c r="C19" s="111"/>
      <c r="D19" s="112"/>
      <c r="E19" s="105"/>
      <c r="F19" s="113"/>
      <c r="G19" s="105"/>
      <c r="H19" s="113"/>
      <c r="I19" s="111"/>
      <c r="J19" s="114"/>
      <c r="K19" s="105"/>
      <c r="L19" s="115"/>
      <c r="M19" s="111"/>
      <c r="N19" s="115"/>
      <c r="O19" s="111"/>
      <c r="P19" s="115"/>
      <c r="Q19" s="21"/>
      <c r="R19" s="21"/>
      <c r="S19" s="21"/>
      <c r="T19" s="21"/>
      <c r="U19" s="21"/>
      <c r="V19" s="21"/>
      <c r="W19" s="85"/>
      <c r="X19" s="41"/>
      <c r="Y19" s="111"/>
      <c r="Z19" s="112"/>
      <c r="AA19" s="105"/>
      <c r="AB19" s="113"/>
      <c r="AC19" s="105"/>
      <c r="AD19" s="113"/>
      <c r="AE19" s="111"/>
      <c r="AF19" s="114"/>
      <c r="AG19" s="105"/>
      <c r="AH19" s="115"/>
      <c r="AI19" s="111"/>
      <c r="AJ19" s="115"/>
      <c r="AK19" s="111"/>
      <c r="AL19" s="116"/>
    </row>
    <row r="20" spans="1:38" ht="38.25" customHeight="1" x14ac:dyDescent="0.2">
      <c r="A20" s="27" t="s">
        <v>48</v>
      </c>
      <c r="B20" s="102" t="s">
        <v>24</v>
      </c>
      <c r="C20" s="95"/>
      <c r="D20" s="117"/>
      <c r="E20" s="96"/>
      <c r="F20" s="96"/>
      <c r="G20" s="117"/>
      <c r="H20" s="118"/>
      <c r="I20" s="95"/>
      <c r="J20" s="119"/>
      <c r="K20" s="120"/>
      <c r="L20" s="119"/>
      <c r="M20" s="120"/>
      <c r="N20" s="119"/>
      <c r="O20" s="120"/>
      <c r="P20" s="119"/>
      <c r="Q20" s="99" t="s">
        <v>51</v>
      </c>
      <c r="R20" s="100"/>
      <c r="S20" s="100"/>
      <c r="T20" s="100"/>
      <c r="U20" s="100"/>
      <c r="V20" s="100"/>
      <c r="W20" s="80" t="s">
        <v>48</v>
      </c>
      <c r="X20" s="102" t="s">
        <v>24</v>
      </c>
      <c r="Y20" s="95"/>
      <c r="Z20" s="117"/>
      <c r="AA20" s="96"/>
      <c r="AB20" s="96"/>
      <c r="AC20" s="117"/>
      <c r="AD20" s="118"/>
      <c r="AE20" s="95"/>
      <c r="AF20" s="119"/>
      <c r="AG20" s="120"/>
      <c r="AH20" s="119"/>
      <c r="AI20" s="120"/>
      <c r="AJ20" s="119"/>
      <c r="AK20" s="120"/>
      <c r="AL20" s="121"/>
    </row>
    <row r="21" spans="1:38" ht="38.25" customHeight="1" x14ac:dyDescent="0.2">
      <c r="A21" s="27"/>
      <c r="B21" s="102"/>
      <c r="C21" s="103"/>
      <c r="D21" s="122"/>
      <c r="E21" s="105"/>
      <c r="F21" s="106"/>
      <c r="G21" s="105"/>
      <c r="H21" s="106"/>
      <c r="I21" s="103"/>
      <c r="J21" s="107"/>
      <c r="K21" s="108"/>
      <c r="L21" s="109"/>
      <c r="M21" s="103"/>
      <c r="N21" s="109"/>
      <c r="O21" s="103"/>
      <c r="P21" s="109"/>
      <c r="Q21" s="21"/>
      <c r="R21" s="21"/>
      <c r="S21" s="21"/>
      <c r="T21" s="21"/>
      <c r="U21" s="21"/>
      <c r="V21" s="21"/>
      <c r="W21" s="80"/>
      <c r="X21" s="102"/>
      <c r="Y21" s="103"/>
      <c r="Z21" s="122"/>
      <c r="AA21" s="105"/>
      <c r="AB21" s="106"/>
      <c r="AC21" s="105"/>
      <c r="AD21" s="106"/>
      <c r="AE21" s="103"/>
      <c r="AF21" s="107"/>
      <c r="AG21" s="108"/>
      <c r="AH21" s="109"/>
      <c r="AI21" s="103"/>
      <c r="AJ21" s="109"/>
      <c r="AK21" s="103"/>
      <c r="AL21" s="110"/>
    </row>
    <row r="22" spans="1:38" ht="38.25" customHeight="1" x14ac:dyDescent="0.2">
      <c r="A22" s="94" t="s">
        <v>48</v>
      </c>
      <c r="B22" s="30" t="s">
        <v>24</v>
      </c>
      <c r="C22" s="95"/>
      <c r="D22" s="96"/>
      <c r="E22" s="96"/>
      <c r="F22" s="96"/>
      <c r="G22" s="96"/>
      <c r="H22" s="97"/>
      <c r="I22" s="95"/>
      <c r="J22" s="98"/>
      <c r="K22" s="95"/>
      <c r="L22" s="98"/>
      <c r="M22" s="95"/>
      <c r="N22" s="98"/>
      <c r="O22" s="95"/>
      <c r="P22" s="98"/>
      <c r="Q22" s="99" t="s">
        <v>52</v>
      </c>
      <c r="R22" s="100"/>
      <c r="S22" s="100"/>
      <c r="T22" s="100"/>
      <c r="U22" s="100"/>
      <c r="V22" s="100"/>
      <c r="W22" s="72" t="s">
        <v>48</v>
      </c>
      <c r="X22" s="30" t="s">
        <v>24</v>
      </c>
      <c r="Y22" s="95"/>
      <c r="Z22" s="96"/>
      <c r="AA22" s="96"/>
      <c r="AB22" s="96"/>
      <c r="AC22" s="96"/>
      <c r="AD22" s="97"/>
      <c r="AE22" s="95"/>
      <c r="AF22" s="98"/>
      <c r="AG22" s="95"/>
      <c r="AH22" s="98"/>
      <c r="AI22" s="95"/>
      <c r="AJ22" s="98"/>
      <c r="AK22" s="95"/>
      <c r="AL22" s="101"/>
    </row>
    <row r="23" spans="1:38" ht="38.25" customHeight="1" x14ac:dyDescent="0.2">
      <c r="A23" s="40"/>
      <c r="B23" s="41"/>
      <c r="C23" s="111"/>
      <c r="D23" s="123"/>
      <c r="E23" s="105"/>
      <c r="F23" s="113"/>
      <c r="G23" s="105"/>
      <c r="H23" s="113"/>
      <c r="I23" s="111"/>
      <c r="J23" s="114"/>
      <c r="K23" s="105"/>
      <c r="L23" s="115"/>
      <c r="M23" s="111"/>
      <c r="N23" s="115"/>
      <c r="O23" s="111"/>
      <c r="P23" s="115"/>
      <c r="Q23" s="21"/>
      <c r="R23" s="21"/>
      <c r="S23" s="21"/>
      <c r="T23" s="21"/>
      <c r="U23" s="21"/>
      <c r="V23" s="21"/>
      <c r="W23" s="85"/>
      <c r="X23" s="41"/>
      <c r="Y23" s="111"/>
      <c r="Z23" s="123"/>
      <c r="AA23" s="105"/>
      <c r="AB23" s="113"/>
      <c r="AC23" s="105"/>
      <c r="AD23" s="113"/>
      <c r="AE23" s="111"/>
      <c r="AF23" s="114"/>
      <c r="AG23" s="105"/>
      <c r="AH23" s="115"/>
      <c r="AI23" s="111"/>
      <c r="AJ23" s="115"/>
      <c r="AK23" s="111"/>
      <c r="AL23" s="116"/>
    </row>
    <row r="24" spans="1:38" ht="38.25" customHeight="1" x14ac:dyDescent="0.2">
      <c r="A24" s="27" t="s">
        <v>48</v>
      </c>
      <c r="B24" s="102" t="s">
        <v>24</v>
      </c>
      <c r="C24" s="95"/>
      <c r="D24" s="117"/>
      <c r="E24" s="117"/>
      <c r="F24" s="117"/>
      <c r="G24" s="117"/>
      <c r="H24" s="118"/>
      <c r="I24" s="95"/>
      <c r="J24" s="119"/>
      <c r="K24" s="120"/>
      <c r="L24" s="119"/>
      <c r="M24" s="120"/>
      <c r="N24" s="119"/>
      <c r="O24" s="120"/>
      <c r="P24" s="119"/>
      <c r="Q24" s="99" t="s">
        <v>53</v>
      </c>
      <c r="R24" s="100"/>
      <c r="S24" s="100"/>
      <c r="T24" s="100"/>
      <c r="U24" s="100"/>
      <c r="V24" s="100"/>
      <c r="W24" s="80" t="s">
        <v>48</v>
      </c>
      <c r="X24" s="102" t="s">
        <v>24</v>
      </c>
      <c r="Y24" s="95"/>
      <c r="Z24" s="117"/>
      <c r="AA24" s="117"/>
      <c r="AB24" s="117"/>
      <c r="AC24" s="117"/>
      <c r="AD24" s="118"/>
      <c r="AE24" s="95"/>
      <c r="AF24" s="119"/>
      <c r="AG24" s="120"/>
      <c r="AH24" s="119"/>
      <c r="AI24" s="120"/>
      <c r="AJ24" s="119"/>
      <c r="AK24" s="120"/>
      <c r="AL24" s="121"/>
    </row>
    <row r="25" spans="1:38" ht="38.25" customHeight="1" x14ac:dyDescent="0.2">
      <c r="A25" s="27"/>
      <c r="B25" s="102"/>
      <c r="C25" s="103"/>
      <c r="D25" s="104"/>
      <c r="E25" s="105"/>
      <c r="F25" s="106"/>
      <c r="G25" s="105"/>
      <c r="H25" s="106"/>
      <c r="I25" s="103"/>
      <c r="J25" s="107"/>
      <c r="K25" s="108"/>
      <c r="L25" s="109"/>
      <c r="M25" s="103"/>
      <c r="N25" s="109"/>
      <c r="O25" s="103"/>
      <c r="P25" s="109"/>
      <c r="Q25" s="21"/>
      <c r="R25" s="21"/>
      <c r="S25" s="21"/>
      <c r="T25" s="21"/>
      <c r="U25" s="21"/>
      <c r="V25" s="21"/>
      <c r="W25" s="80"/>
      <c r="X25" s="102"/>
      <c r="Y25" s="103"/>
      <c r="Z25" s="104"/>
      <c r="AA25" s="105"/>
      <c r="AB25" s="106"/>
      <c r="AC25" s="105"/>
      <c r="AD25" s="106"/>
      <c r="AE25" s="103"/>
      <c r="AF25" s="107"/>
      <c r="AG25" s="108"/>
      <c r="AH25" s="109"/>
      <c r="AI25" s="103"/>
      <c r="AJ25" s="109"/>
      <c r="AK25" s="103"/>
      <c r="AL25" s="110"/>
    </row>
    <row r="26" spans="1:38" ht="38.25" customHeight="1" x14ac:dyDescent="0.2">
      <c r="A26" s="94" t="s">
        <v>48</v>
      </c>
      <c r="B26" s="30" t="s">
        <v>24</v>
      </c>
      <c r="C26" s="95"/>
      <c r="D26" s="96"/>
      <c r="E26" s="96"/>
      <c r="F26" s="96"/>
      <c r="G26" s="96"/>
      <c r="H26" s="97"/>
      <c r="I26" s="95"/>
      <c r="J26" s="98"/>
      <c r="K26" s="95"/>
      <c r="L26" s="98"/>
      <c r="M26" s="95"/>
      <c r="N26" s="98"/>
      <c r="O26" s="95"/>
      <c r="P26" s="98"/>
      <c r="Q26" s="99" t="s">
        <v>54</v>
      </c>
      <c r="R26" s="100"/>
      <c r="S26" s="100"/>
      <c r="T26" s="100"/>
      <c r="U26" s="100"/>
      <c r="V26" s="100"/>
      <c r="W26" s="72" t="s">
        <v>48</v>
      </c>
      <c r="X26" s="30" t="s">
        <v>24</v>
      </c>
      <c r="Y26" s="95"/>
      <c r="Z26" s="96"/>
      <c r="AA26" s="96"/>
      <c r="AB26" s="96"/>
      <c r="AC26" s="96"/>
      <c r="AD26" s="97"/>
      <c r="AE26" s="95"/>
      <c r="AF26" s="98"/>
      <c r="AG26" s="95"/>
      <c r="AH26" s="98"/>
      <c r="AI26" s="95"/>
      <c r="AJ26" s="98"/>
      <c r="AK26" s="95"/>
      <c r="AL26" s="101"/>
    </row>
    <row r="27" spans="1:38" ht="38.25" customHeight="1" x14ac:dyDescent="0.2">
      <c r="A27" s="40"/>
      <c r="B27" s="41"/>
      <c r="C27" s="111"/>
      <c r="D27" s="112"/>
      <c r="E27" s="105"/>
      <c r="F27" s="113"/>
      <c r="G27" s="105"/>
      <c r="H27" s="113"/>
      <c r="I27" s="111"/>
      <c r="J27" s="114"/>
      <c r="K27" s="105"/>
      <c r="L27" s="115"/>
      <c r="M27" s="111"/>
      <c r="N27" s="115"/>
      <c r="O27" s="111"/>
      <c r="P27" s="115"/>
      <c r="Q27" s="21"/>
      <c r="R27" s="21"/>
      <c r="S27" s="21"/>
      <c r="T27" s="21"/>
      <c r="U27" s="21"/>
      <c r="V27" s="21"/>
      <c r="W27" s="85"/>
      <c r="X27" s="41"/>
      <c r="Y27" s="111"/>
      <c r="Z27" s="112"/>
      <c r="AA27" s="105"/>
      <c r="AB27" s="113"/>
      <c r="AC27" s="105"/>
      <c r="AD27" s="113"/>
      <c r="AE27" s="111"/>
      <c r="AF27" s="114"/>
      <c r="AG27" s="105"/>
      <c r="AH27" s="115"/>
      <c r="AI27" s="111"/>
      <c r="AJ27" s="115"/>
      <c r="AK27" s="111"/>
      <c r="AL27" s="116"/>
    </row>
    <row r="28" spans="1:38" ht="38.25" customHeight="1" x14ac:dyDescent="0.2">
      <c r="A28" s="27" t="s">
        <v>48</v>
      </c>
      <c r="B28" s="102" t="s">
        <v>24</v>
      </c>
      <c r="C28" s="124" t="s">
        <v>25</v>
      </c>
      <c r="D28" s="125" t="s">
        <v>25</v>
      </c>
      <c r="E28" s="124"/>
      <c r="F28" s="126"/>
      <c r="G28" s="126" t="s">
        <v>25</v>
      </c>
      <c r="H28" s="125" t="s">
        <v>25</v>
      </c>
      <c r="I28" s="124"/>
      <c r="J28" s="126"/>
      <c r="K28" s="126" t="s">
        <v>25</v>
      </c>
      <c r="L28" s="125" t="s">
        <v>25</v>
      </c>
      <c r="M28" s="124"/>
      <c r="N28" s="126"/>
      <c r="O28" s="126" t="s">
        <v>25</v>
      </c>
      <c r="P28" s="127" t="s">
        <v>25</v>
      </c>
      <c r="Q28" s="99" t="s">
        <v>55</v>
      </c>
      <c r="R28" s="100"/>
      <c r="S28" s="100"/>
      <c r="T28" s="100"/>
      <c r="U28" s="100"/>
      <c r="V28" s="100"/>
      <c r="W28" s="80" t="s">
        <v>48</v>
      </c>
      <c r="X28" s="102" t="s">
        <v>24</v>
      </c>
      <c r="Y28" s="128"/>
      <c r="Z28" s="129"/>
      <c r="AA28" s="128" t="s">
        <v>35</v>
      </c>
      <c r="AB28" s="130" t="s">
        <v>35</v>
      </c>
      <c r="AC28" s="130"/>
      <c r="AD28" s="129"/>
      <c r="AE28" s="128" t="s">
        <v>35</v>
      </c>
      <c r="AF28" s="130" t="s">
        <v>35</v>
      </c>
      <c r="AG28" s="130"/>
      <c r="AH28" s="129"/>
      <c r="AI28" s="128" t="s">
        <v>35</v>
      </c>
      <c r="AJ28" s="130" t="s">
        <v>35</v>
      </c>
      <c r="AK28" s="130"/>
      <c r="AL28" s="131"/>
    </row>
    <row r="29" spans="1:38" ht="38.25" customHeight="1" x14ac:dyDescent="0.2">
      <c r="A29" s="27"/>
      <c r="B29" s="102"/>
      <c r="C29" s="132"/>
      <c r="D29" s="133"/>
      <c r="E29" s="133" t="s">
        <v>25</v>
      </c>
      <c r="F29" s="134" t="s">
        <v>25</v>
      </c>
      <c r="G29" s="132"/>
      <c r="H29" s="133"/>
      <c r="I29" s="133" t="s">
        <v>25</v>
      </c>
      <c r="J29" s="134" t="s">
        <v>25</v>
      </c>
      <c r="K29" s="132"/>
      <c r="L29" s="133"/>
      <c r="M29" s="133" t="s">
        <v>25</v>
      </c>
      <c r="N29" s="134" t="s">
        <v>25</v>
      </c>
      <c r="O29" s="132"/>
      <c r="P29" s="135"/>
      <c r="Q29" s="136"/>
      <c r="R29" s="136"/>
      <c r="S29" s="136"/>
      <c r="T29" s="136"/>
      <c r="U29" s="136"/>
      <c r="V29" s="136"/>
      <c r="W29" s="80"/>
      <c r="X29" s="102"/>
      <c r="Y29" s="137" t="s">
        <v>35</v>
      </c>
      <c r="Z29" s="138" t="s">
        <v>35</v>
      </c>
      <c r="AA29" s="138"/>
      <c r="AB29" s="139"/>
      <c r="AC29" s="137" t="s">
        <v>35</v>
      </c>
      <c r="AD29" s="138" t="s">
        <v>35</v>
      </c>
      <c r="AE29" s="138"/>
      <c r="AF29" s="139"/>
      <c r="AG29" s="137" t="s">
        <v>35</v>
      </c>
      <c r="AH29" s="138" t="s">
        <v>35</v>
      </c>
      <c r="AI29" s="138"/>
      <c r="AJ29" s="139"/>
      <c r="AK29" s="137" t="s">
        <v>35</v>
      </c>
      <c r="AL29" s="131" t="s">
        <v>35</v>
      </c>
    </row>
    <row r="30" spans="1:38" ht="38.25" customHeight="1" x14ac:dyDescent="0.2">
      <c r="A30" s="27"/>
      <c r="B30" s="102"/>
      <c r="C30" s="140" t="s">
        <v>25</v>
      </c>
      <c r="D30" s="141" t="s">
        <v>25</v>
      </c>
      <c r="E30" s="140"/>
      <c r="F30" s="142"/>
      <c r="G30" s="142" t="s">
        <v>25</v>
      </c>
      <c r="H30" s="141" t="s">
        <v>25</v>
      </c>
      <c r="I30" s="140"/>
      <c r="J30" s="142"/>
      <c r="K30" s="142" t="s">
        <v>25</v>
      </c>
      <c r="L30" s="143" t="s">
        <v>25</v>
      </c>
      <c r="M30" s="144"/>
      <c r="N30" s="145"/>
      <c r="O30" s="145" t="s">
        <v>25</v>
      </c>
      <c r="P30" s="146" t="s">
        <v>25</v>
      </c>
      <c r="Q30" s="136"/>
      <c r="R30" s="136"/>
      <c r="S30" s="136"/>
      <c r="T30" s="136"/>
      <c r="U30" s="136"/>
      <c r="V30" s="136"/>
      <c r="W30" s="85"/>
      <c r="X30" s="41"/>
      <c r="Y30" s="147"/>
      <c r="Z30" s="148"/>
      <c r="AA30" s="147" t="s">
        <v>35</v>
      </c>
      <c r="AB30" s="149" t="s">
        <v>35</v>
      </c>
      <c r="AC30" s="149"/>
      <c r="AD30" s="148"/>
      <c r="AE30" s="147" t="s">
        <v>35</v>
      </c>
      <c r="AF30" s="149" t="s">
        <v>35</v>
      </c>
      <c r="AG30" s="149"/>
      <c r="AH30" s="148"/>
      <c r="AI30" s="147" t="s">
        <v>35</v>
      </c>
      <c r="AJ30" s="149" t="s">
        <v>35</v>
      </c>
      <c r="AK30" s="149"/>
      <c r="AL30" s="150"/>
    </row>
    <row r="31" spans="1:38" ht="18.5" customHeight="1" x14ac:dyDescent="0.2">
      <c r="A31" s="151" t="s">
        <v>56</v>
      </c>
      <c r="B31" s="152"/>
      <c r="C31" s="153" t="s">
        <v>26</v>
      </c>
      <c r="D31" s="154"/>
      <c r="E31" s="155"/>
      <c r="F31" s="69" t="s">
        <v>26</v>
      </c>
      <c r="G31" s="69"/>
      <c r="H31" s="70"/>
      <c r="I31" s="69" t="s">
        <v>27</v>
      </c>
      <c r="J31" s="69"/>
      <c r="K31" s="70"/>
      <c r="L31" s="68" t="s">
        <v>28</v>
      </c>
      <c r="M31" s="69"/>
      <c r="N31" s="69"/>
      <c r="O31" s="156"/>
      <c r="P31" s="156"/>
      <c r="Q31" s="156"/>
      <c r="R31" s="157"/>
      <c r="S31" s="158"/>
      <c r="T31" s="68" t="s">
        <v>28</v>
      </c>
      <c r="U31" s="69"/>
      <c r="V31" s="69"/>
      <c r="W31" s="159"/>
      <c r="X31" s="156"/>
      <c r="Y31" s="156"/>
      <c r="Z31" s="156"/>
      <c r="AA31" s="158"/>
      <c r="AB31" s="160" t="s">
        <v>56</v>
      </c>
      <c r="AC31" s="152"/>
      <c r="AD31" s="153" t="s">
        <v>26</v>
      </c>
      <c r="AE31" s="154"/>
      <c r="AF31" s="155"/>
      <c r="AG31" s="69" t="s">
        <v>26</v>
      </c>
      <c r="AH31" s="69"/>
      <c r="AI31" s="70"/>
      <c r="AJ31" s="69" t="s">
        <v>27</v>
      </c>
      <c r="AK31" s="69"/>
      <c r="AL31" s="161"/>
    </row>
    <row r="32" spans="1:38" ht="18.5" customHeight="1" x14ac:dyDescent="0.2">
      <c r="A32" s="162" t="s">
        <v>45</v>
      </c>
      <c r="B32" s="163"/>
      <c r="C32" s="72"/>
      <c r="D32" s="29"/>
      <c r="E32" s="29"/>
      <c r="F32" s="72"/>
      <c r="G32" s="29"/>
      <c r="H32" s="29"/>
      <c r="I32" s="72"/>
      <c r="J32" s="29"/>
      <c r="K32" s="30"/>
      <c r="L32" s="164"/>
      <c r="M32" s="165" t="s">
        <v>29</v>
      </c>
      <c r="N32" s="3"/>
      <c r="O32" s="165">
        <v>5</v>
      </c>
      <c r="P32" s="77" t="s">
        <v>30</v>
      </c>
      <c r="Q32" s="77"/>
      <c r="R32" s="165">
        <v>5</v>
      </c>
      <c r="S32" s="166"/>
      <c r="T32" s="164"/>
      <c r="U32" s="165" t="s">
        <v>29</v>
      </c>
      <c r="V32" s="3"/>
      <c r="W32" s="165">
        <v>5</v>
      </c>
      <c r="X32" s="77" t="s">
        <v>30</v>
      </c>
      <c r="Y32" s="77"/>
      <c r="Z32" s="165">
        <v>5</v>
      </c>
      <c r="AA32" s="166"/>
      <c r="AB32" s="167" t="s">
        <v>45</v>
      </c>
      <c r="AC32" s="163"/>
      <c r="AD32" s="72"/>
      <c r="AE32" s="29"/>
      <c r="AF32" s="29"/>
      <c r="AG32" s="72"/>
      <c r="AH32" s="29"/>
      <c r="AI32" s="29"/>
      <c r="AJ32" s="72"/>
      <c r="AK32" s="29"/>
      <c r="AL32" s="73"/>
    </row>
    <row r="33" spans="1:38" ht="18.5" customHeight="1" x14ac:dyDescent="0.2">
      <c r="A33" s="168"/>
      <c r="B33" s="169"/>
      <c r="C33" s="85"/>
      <c r="D33" s="20"/>
      <c r="E33" s="20"/>
      <c r="F33" s="85"/>
      <c r="G33" s="20"/>
      <c r="H33" s="20"/>
      <c r="I33" s="85"/>
      <c r="J33" s="20"/>
      <c r="K33" s="41"/>
      <c r="L33" s="170"/>
      <c r="M33" s="171" t="s">
        <v>31</v>
      </c>
      <c r="N33" s="172"/>
      <c r="O33" s="171">
        <v>5</v>
      </c>
      <c r="P33" s="83" t="s">
        <v>30</v>
      </c>
      <c r="Q33" s="83"/>
      <c r="R33" s="171">
        <v>5</v>
      </c>
      <c r="S33" s="173"/>
      <c r="T33" s="170"/>
      <c r="U33" s="171" t="s">
        <v>31</v>
      </c>
      <c r="V33" s="172"/>
      <c r="W33" s="171">
        <v>5</v>
      </c>
      <c r="X33" s="83" t="s">
        <v>30</v>
      </c>
      <c r="Y33" s="83"/>
      <c r="Z33" s="171">
        <v>5</v>
      </c>
      <c r="AA33" s="173"/>
      <c r="AB33" s="174"/>
      <c r="AC33" s="169"/>
      <c r="AD33" s="85"/>
      <c r="AE33" s="20"/>
      <c r="AF33" s="20"/>
      <c r="AG33" s="85"/>
      <c r="AH33" s="20"/>
      <c r="AI33" s="20"/>
      <c r="AJ33" s="85"/>
      <c r="AK33" s="20"/>
      <c r="AL33" s="86"/>
    </row>
    <row r="34" spans="1:38" ht="18.5" customHeight="1" x14ac:dyDescent="0.2">
      <c r="A34" s="175" t="s">
        <v>46</v>
      </c>
      <c r="B34" s="48"/>
      <c r="C34" s="49"/>
      <c r="D34" s="176"/>
      <c r="E34" s="3"/>
      <c r="F34" s="3"/>
      <c r="G34" s="3"/>
      <c r="H34" s="3"/>
      <c r="I34" s="177" t="s">
        <v>47</v>
      </c>
      <c r="J34" s="48"/>
      <c r="K34" s="49"/>
      <c r="L34" s="3"/>
      <c r="M34" s="3"/>
      <c r="N34" s="3"/>
      <c r="O34" s="67" t="s">
        <v>14</v>
      </c>
      <c r="P34" s="77"/>
      <c r="Q34" s="78"/>
      <c r="R34" s="3"/>
      <c r="S34" s="3"/>
      <c r="T34" s="3"/>
      <c r="U34" s="3"/>
      <c r="V34" s="3"/>
      <c r="W34" s="68" t="s">
        <v>15</v>
      </c>
      <c r="X34" s="69"/>
      <c r="Y34" s="70"/>
      <c r="Z34" s="3"/>
      <c r="AA34" s="3"/>
      <c r="AB34" s="3"/>
      <c r="AC34" s="3"/>
      <c r="AD34" s="3"/>
      <c r="AE34" s="68" t="s">
        <v>16</v>
      </c>
      <c r="AF34" s="69"/>
      <c r="AG34" s="70"/>
      <c r="AH34" s="3"/>
      <c r="AI34" s="3"/>
      <c r="AJ34" s="178"/>
      <c r="AK34" s="178"/>
      <c r="AL34" s="179"/>
    </row>
    <row r="35" spans="1:38" ht="18.5" customHeight="1" thickBot="1" x14ac:dyDescent="0.25">
      <c r="A35" s="180"/>
      <c r="B35" s="181"/>
      <c r="C35" s="182"/>
      <c r="D35" s="183"/>
      <c r="E35" s="184"/>
      <c r="F35" s="184"/>
      <c r="G35" s="184"/>
      <c r="H35" s="184"/>
      <c r="I35" s="185"/>
      <c r="J35" s="181"/>
      <c r="K35" s="182"/>
      <c r="L35" s="184"/>
      <c r="M35" s="184"/>
      <c r="N35" s="184"/>
      <c r="O35" s="186"/>
      <c r="P35" s="187"/>
      <c r="Q35" s="188"/>
      <c r="R35" s="184"/>
      <c r="S35" s="184"/>
      <c r="T35" s="184"/>
      <c r="U35" s="184"/>
      <c r="V35" s="184"/>
      <c r="W35" s="186"/>
      <c r="X35" s="187"/>
      <c r="Y35" s="188"/>
      <c r="Z35" s="184"/>
      <c r="AA35" s="184"/>
      <c r="AB35" s="184"/>
      <c r="AC35" s="184"/>
      <c r="AD35" s="184"/>
      <c r="AE35" s="186"/>
      <c r="AF35" s="187"/>
      <c r="AG35" s="188"/>
      <c r="AH35" s="184"/>
      <c r="AI35" s="184"/>
      <c r="AJ35" s="189"/>
      <c r="AK35" s="184"/>
      <c r="AL35" s="190"/>
    </row>
    <row r="36" spans="1:38" ht="19.5" customHeight="1" x14ac:dyDescent="0.2">
      <c r="A36" s="191" t="s">
        <v>33</v>
      </c>
      <c r="B36" s="191"/>
      <c r="C36" s="191"/>
      <c r="D36" s="191"/>
      <c r="E36" s="191"/>
      <c r="F36" s="191"/>
      <c r="G36" s="191"/>
      <c r="H36" s="191"/>
      <c r="I36" s="191"/>
      <c r="J36" s="191"/>
      <c r="K36" s="191"/>
      <c r="L36" s="191"/>
      <c r="M36" s="191"/>
      <c r="N36" s="191"/>
      <c r="O36" s="191"/>
      <c r="P36" s="191"/>
      <c r="Q36" s="191"/>
      <c r="R36" s="191"/>
      <c r="S36" s="191"/>
      <c r="T36" s="191"/>
      <c r="U36" s="191"/>
      <c r="V36" s="191"/>
      <c r="W36" s="191"/>
      <c r="X36" s="191"/>
      <c r="Y36" s="191"/>
      <c r="Z36" s="191"/>
      <c r="AA36" s="191"/>
      <c r="AB36" s="191"/>
      <c r="AC36" s="191"/>
      <c r="AD36" s="191"/>
      <c r="AE36" s="191"/>
      <c r="AF36" s="191"/>
      <c r="AG36" s="191"/>
      <c r="AH36" s="191"/>
      <c r="AI36" s="191"/>
      <c r="AJ36" s="191"/>
      <c r="AK36" s="191"/>
      <c r="AL36" s="191"/>
    </row>
  </sheetData>
  <mergeCells count="108">
    <mergeCell ref="P5:Q5"/>
    <mergeCell ref="M5:N5"/>
    <mergeCell ref="J5:L5"/>
    <mergeCell ref="J6:L6"/>
    <mergeCell ref="M6:N6"/>
    <mergeCell ref="P6:Q6"/>
    <mergeCell ref="AE3:AL4"/>
    <mergeCell ref="S3:T4"/>
    <mergeCell ref="U3:AB4"/>
    <mergeCell ref="S5:T6"/>
    <mergeCell ref="U5:AB6"/>
    <mergeCell ref="AC5:AD6"/>
    <mergeCell ref="AE5:AL6"/>
    <mergeCell ref="X16:X17"/>
    <mergeCell ref="W18:W19"/>
    <mergeCell ref="X18:X19"/>
    <mergeCell ref="W20:W21"/>
    <mergeCell ref="X20:X21"/>
    <mergeCell ref="W16:W17"/>
    <mergeCell ref="Z10:AA12"/>
    <mergeCell ref="W10:Y14"/>
    <mergeCell ref="X7:AA9"/>
    <mergeCell ref="AB7:AC9"/>
    <mergeCell ref="AB13:AL15"/>
    <mergeCell ref="Z13:AA15"/>
    <mergeCell ref="AB10:AL12"/>
    <mergeCell ref="W15:Y15"/>
    <mergeCell ref="W28:W30"/>
    <mergeCell ref="X28:X30"/>
    <mergeCell ref="W22:W23"/>
    <mergeCell ref="X22:X23"/>
    <mergeCell ref="W24:W25"/>
    <mergeCell ref="X24:X25"/>
    <mergeCell ref="W26:W27"/>
    <mergeCell ref="X26:X27"/>
    <mergeCell ref="A22:A23"/>
    <mergeCell ref="C31:E31"/>
    <mergeCell ref="A31:B31"/>
    <mergeCell ref="A28:A30"/>
    <mergeCell ref="B22:B23"/>
    <mergeCell ref="AD32:AF33"/>
    <mergeCell ref="X32:Y32"/>
    <mergeCell ref="AG32:AI33"/>
    <mergeCell ref="A34:C35"/>
    <mergeCell ref="I34:K35"/>
    <mergeCell ref="O34:Q35"/>
    <mergeCell ref="A32:B33"/>
    <mergeCell ref="A20:A21"/>
    <mergeCell ref="E10:P12"/>
    <mergeCell ref="J3:K4"/>
    <mergeCell ref="A36:AL36"/>
    <mergeCell ref="Q24:V25"/>
    <mergeCell ref="Q26:V27"/>
    <mergeCell ref="Q28:V30"/>
    <mergeCell ref="W34:Y35"/>
    <mergeCell ref="AG31:AI31"/>
    <mergeCell ref="AJ31:AL31"/>
    <mergeCell ref="AE34:AG35"/>
    <mergeCell ref="AJ32:AL33"/>
    <mergeCell ref="C32:E33"/>
    <mergeCell ref="F32:H33"/>
    <mergeCell ref="I32:K33"/>
    <mergeCell ref="AB32:AC33"/>
    <mergeCell ref="X33:Y33"/>
    <mergeCell ref="Q16:V17"/>
    <mergeCell ref="P32:Q32"/>
    <mergeCell ref="P33:Q33"/>
    <mergeCell ref="A24:A25"/>
    <mergeCell ref="B24:B25"/>
    <mergeCell ref="A26:A27"/>
    <mergeCell ref="B26:B27"/>
    <mergeCell ref="L31:N31"/>
    <mergeCell ref="B20:B21"/>
    <mergeCell ref="A16:A17"/>
    <mergeCell ref="B16:B17"/>
    <mergeCell ref="A18:A19"/>
    <mergeCell ref="B18:B19"/>
    <mergeCell ref="B28:B30"/>
    <mergeCell ref="F31:H31"/>
    <mergeCell ref="AB31:AC31"/>
    <mergeCell ref="T31:V31"/>
    <mergeCell ref="AD31:AF31"/>
    <mergeCell ref="C5:G6"/>
    <mergeCell ref="Q9:V15"/>
    <mergeCell ref="I31:K31"/>
    <mergeCell ref="Q18:V19"/>
    <mergeCell ref="Q20:V21"/>
    <mergeCell ref="Q22:V23"/>
    <mergeCell ref="F7:G9"/>
    <mergeCell ref="E13:P15"/>
    <mergeCell ref="D10:D12"/>
    <mergeCell ref="D13:D15"/>
    <mergeCell ref="A10:C14"/>
    <mergeCell ref="A15:C15"/>
    <mergeCell ref="A1:AL1"/>
    <mergeCell ref="A5:B6"/>
    <mergeCell ref="H7:P9"/>
    <mergeCell ref="Q7:V8"/>
    <mergeCell ref="P3:R4"/>
    <mergeCell ref="L3:O4"/>
    <mergeCell ref="H5:I6"/>
    <mergeCell ref="AD7:AL9"/>
    <mergeCell ref="C3:I4"/>
    <mergeCell ref="A3:B4"/>
    <mergeCell ref="A7:A9"/>
    <mergeCell ref="B7:E9"/>
    <mergeCell ref="W7:W9"/>
    <mergeCell ref="AC3:AD4"/>
  </mergeCells>
  <phoneticPr fontId="2"/>
  <printOptions horizontalCentered="1" verticalCentered="1"/>
  <pageMargins left="0.19685039370078741" right="0.19685039370078741" top="0.19685039370078741" bottom="0.19685039370078741" header="0" footer="0"/>
  <pageSetup paperSize="13" scale="78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AL71"/>
  <sheetViews>
    <sheetView tabSelected="1" zoomScaleNormal="100" workbookViewId="0">
      <selection activeCell="I2" sqref="I2:I3"/>
    </sheetView>
  </sheetViews>
  <sheetFormatPr defaultRowHeight="13" x14ac:dyDescent="0.2"/>
  <cols>
    <col min="1" max="16" width="2.7265625" style="196" customWidth="1"/>
    <col min="17" max="18" width="6.08984375" style="196" customWidth="1"/>
    <col min="19" max="34" width="2.7265625" style="196" customWidth="1"/>
    <col min="35" max="16384" width="8.7265625" style="196"/>
  </cols>
  <sheetData>
    <row r="1" spans="1:34" ht="15" customHeight="1" x14ac:dyDescent="0.2">
      <c r="A1" s="198" t="s">
        <v>9</v>
      </c>
      <c r="B1" s="198"/>
      <c r="C1" s="198"/>
      <c r="D1" s="198"/>
      <c r="E1" s="198"/>
      <c r="F1" s="198"/>
      <c r="G1" s="198"/>
      <c r="H1" s="198"/>
      <c r="I1" s="198"/>
      <c r="J1" s="198"/>
      <c r="K1" s="198"/>
      <c r="L1" s="198"/>
      <c r="M1" s="198"/>
      <c r="N1" s="198"/>
      <c r="O1" s="198"/>
      <c r="P1" s="198"/>
      <c r="Q1" s="198"/>
      <c r="R1" s="198"/>
      <c r="S1" s="198"/>
      <c r="T1" s="198"/>
      <c r="U1" s="198"/>
      <c r="V1" s="198"/>
      <c r="W1" s="198"/>
      <c r="X1" s="198"/>
      <c r="Y1" s="198"/>
      <c r="Z1" s="198"/>
      <c r="AA1" s="198"/>
      <c r="AB1" s="198"/>
      <c r="AC1" s="198"/>
      <c r="AD1" s="198"/>
      <c r="AE1" s="198"/>
      <c r="AF1" s="198"/>
      <c r="AG1" s="198"/>
      <c r="AH1" s="198"/>
    </row>
    <row r="2" spans="1:34" ht="12.75" customHeight="1" x14ac:dyDescent="0.2">
      <c r="A2" s="288" t="s">
        <v>62</v>
      </c>
      <c r="B2" s="286"/>
      <c r="C2" s="200"/>
      <c r="D2" s="200"/>
      <c r="E2" s="280" t="s">
        <v>61</v>
      </c>
      <c r="F2" s="282"/>
      <c r="G2" s="286" t="s">
        <v>60</v>
      </c>
      <c r="H2" s="282"/>
      <c r="I2" s="284" t="s">
        <v>59</v>
      </c>
      <c r="J2" s="202" t="s">
        <v>63</v>
      </c>
      <c r="K2" s="202"/>
      <c r="L2" s="202"/>
      <c r="M2" s="202"/>
      <c r="N2" s="203" t="s">
        <v>12</v>
      </c>
      <c r="O2" s="204"/>
      <c r="P2" s="204"/>
      <c r="Q2" s="204"/>
      <c r="R2" s="205" t="s">
        <v>64</v>
      </c>
      <c r="S2" s="203" t="s">
        <v>12</v>
      </c>
      <c r="T2" s="204"/>
      <c r="U2" s="204"/>
      <c r="V2" s="204"/>
      <c r="W2" s="204" t="s">
        <v>65</v>
      </c>
      <c r="X2" s="204"/>
      <c r="Y2" s="205"/>
      <c r="Z2" s="206" t="s">
        <v>8</v>
      </c>
      <c r="AA2" s="207"/>
      <c r="AB2" s="207"/>
      <c r="AC2" s="207"/>
      <c r="AD2" s="207"/>
      <c r="AE2" s="207"/>
      <c r="AF2" s="207"/>
      <c r="AG2" s="207"/>
      <c r="AH2" s="208"/>
    </row>
    <row r="3" spans="1:34" ht="12.75" customHeight="1" thickBot="1" x14ac:dyDescent="0.25">
      <c r="A3" s="289"/>
      <c r="B3" s="287"/>
      <c r="C3" s="210"/>
      <c r="D3" s="210"/>
      <c r="E3" s="281"/>
      <c r="F3" s="283"/>
      <c r="G3" s="287"/>
      <c r="H3" s="283"/>
      <c r="I3" s="285"/>
      <c r="J3" s="202"/>
      <c r="K3" s="202"/>
      <c r="L3" s="202"/>
      <c r="M3" s="202"/>
      <c r="N3" s="212"/>
      <c r="O3" s="213"/>
      <c r="P3" s="214"/>
      <c r="Q3" s="214"/>
      <c r="R3" s="215"/>
      <c r="S3" s="212"/>
      <c r="T3" s="213"/>
      <c r="U3" s="213"/>
      <c r="V3" s="213"/>
      <c r="W3" s="213"/>
      <c r="X3" s="213"/>
      <c r="Y3" s="216"/>
      <c r="Z3" s="217"/>
      <c r="AA3" s="218"/>
      <c r="AB3" s="218"/>
      <c r="AC3" s="218"/>
      <c r="AD3" s="218"/>
      <c r="AE3" s="218"/>
      <c r="AF3" s="218"/>
      <c r="AG3" s="218"/>
      <c r="AH3" s="219"/>
    </row>
    <row r="4" spans="1:34" ht="15.75" customHeight="1" x14ac:dyDescent="0.2">
      <c r="A4" s="203" t="s">
        <v>58</v>
      </c>
      <c r="B4" s="204"/>
      <c r="C4" s="204"/>
      <c r="D4" s="204"/>
      <c r="E4" s="205"/>
      <c r="F4" s="220" t="s">
        <v>7</v>
      </c>
      <c r="G4" s="203"/>
      <c r="H4" s="204"/>
      <c r="I4" s="204"/>
      <c r="J4" s="204"/>
      <c r="K4" s="204"/>
      <c r="L4" s="204"/>
      <c r="M4" s="221" t="s">
        <v>66</v>
      </c>
      <c r="N4" s="221"/>
      <c r="O4" s="221"/>
      <c r="P4" s="222"/>
      <c r="Q4" s="223" t="s">
        <v>32</v>
      </c>
      <c r="R4" s="224"/>
      <c r="S4" s="225" t="s">
        <v>6</v>
      </c>
      <c r="T4" s="204"/>
      <c r="U4" s="204"/>
      <c r="V4" s="204"/>
      <c r="W4" s="205"/>
      <c r="X4" s="220" t="s">
        <v>7</v>
      </c>
      <c r="Y4" s="203"/>
      <c r="Z4" s="204"/>
      <c r="AA4" s="204"/>
      <c r="AB4" s="204"/>
      <c r="AC4" s="204"/>
      <c r="AD4" s="204"/>
      <c r="AE4" s="221" t="s">
        <v>66</v>
      </c>
      <c r="AF4" s="221"/>
      <c r="AG4" s="221"/>
      <c r="AH4" s="226"/>
    </row>
    <row r="5" spans="1:34" ht="15.75" customHeight="1" thickBot="1" x14ac:dyDescent="0.25">
      <c r="A5" s="212"/>
      <c r="B5" s="213"/>
      <c r="C5" s="213"/>
      <c r="D5" s="213"/>
      <c r="E5" s="216"/>
      <c r="F5" s="220"/>
      <c r="G5" s="212"/>
      <c r="H5" s="213"/>
      <c r="I5" s="213"/>
      <c r="J5" s="213"/>
      <c r="K5" s="213"/>
      <c r="L5" s="213"/>
      <c r="M5" s="227"/>
      <c r="N5" s="227"/>
      <c r="O5" s="227"/>
      <c r="P5" s="228"/>
      <c r="Q5" s="229"/>
      <c r="R5" s="230"/>
      <c r="S5" s="231"/>
      <c r="T5" s="213"/>
      <c r="U5" s="213"/>
      <c r="V5" s="213"/>
      <c r="W5" s="216"/>
      <c r="X5" s="220"/>
      <c r="Y5" s="212"/>
      <c r="Z5" s="213"/>
      <c r="AA5" s="213"/>
      <c r="AB5" s="213"/>
      <c r="AC5" s="213"/>
      <c r="AD5" s="213"/>
      <c r="AE5" s="227"/>
      <c r="AF5" s="227"/>
      <c r="AG5" s="227"/>
      <c r="AH5" s="232"/>
    </row>
    <row r="6" spans="1:34" ht="12.75" customHeight="1" x14ac:dyDescent="0.2">
      <c r="A6" s="233" t="s">
        <v>11</v>
      </c>
      <c r="B6" s="234"/>
      <c r="C6" s="234"/>
      <c r="D6" s="235"/>
      <c r="E6" s="236" t="s">
        <v>4</v>
      </c>
      <c r="F6" s="236"/>
      <c r="G6" s="236"/>
      <c r="H6" s="236"/>
      <c r="I6" s="236"/>
      <c r="J6" s="236"/>
      <c r="K6" s="236" t="s">
        <v>5</v>
      </c>
      <c r="L6" s="236"/>
      <c r="M6" s="236"/>
      <c r="N6" s="236"/>
      <c r="O6" s="236"/>
      <c r="P6" s="236"/>
      <c r="Q6" s="237" t="s">
        <v>10</v>
      </c>
      <c r="R6" s="238"/>
      <c r="S6" s="233" t="s">
        <v>11</v>
      </c>
      <c r="T6" s="234"/>
      <c r="U6" s="234"/>
      <c r="V6" s="235"/>
      <c r="W6" s="236" t="s">
        <v>4</v>
      </c>
      <c r="X6" s="236"/>
      <c r="Y6" s="236"/>
      <c r="Z6" s="236"/>
      <c r="AA6" s="236"/>
      <c r="AB6" s="236"/>
      <c r="AC6" s="236" t="s">
        <v>5</v>
      </c>
      <c r="AD6" s="236"/>
      <c r="AE6" s="236"/>
      <c r="AF6" s="236"/>
      <c r="AG6" s="236"/>
      <c r="AH6" s="236"/>
    </row>
    <row r="7" spans="1:34" ht="12.75" customHeight="1" x14ac:dyDescent="0.2">
      <c r="A7" s="239" t="s">
        <v>23</v>
      </c>
      <c r="B7" s="240"/>
      <c r="C7" s="240"/>
      <c r="D7" s="241"/>
      <c r="E7" s="236"/>
      <c r="F7" s="236"/>
      <c r="G7" s="236"/>
      <c r="H7" s="236"/>
      <c r="I7" s="236"/>
      <c r="J7" s="236"/>
      <c r="K7" s="236"/>
      <c r="L7" s="236"/>
      <c r="M7" s="236"/>
      <c r="N7" s="236"/>
      <c r="O7" s="236"/>
      <c r="P7" s="236"/>
      <c r="Q7" s="236"/>
      <c r="R7" s="236"/>
      <c r="S7" s="239" t="s">
        <v>23</v>
      </c>
      <c r="T7" s="240"/>
      <c r="U7" s="240"/>
      <c r="V7" s="241"/>
      <c r="W7" s="236"/>
      <c r="X7" s="236"/>
      <c r="Y7" s="236"/>
      <c r="Z7" s="236"/>
      <c r="AA7" s="236"/>
      <c r="AB7" s="236"/>
      <c r="AC7" s="236"/>
      <c r="AD7" s="236"/>
      <c r="AE7" s="236"/>
      <c r="AF7" s="236"/>
      <c r="AG7" s="236"/>
      <c r="AH7" s="236"/>
    </row>
    <row r="8" spans="1:34" ht="13" customHeight="1" x14ac:dyDescent="0.2">
      <c r="A8" s="199" t="s">
        <v>80</v>
      </c>
      <c r="B8" s="201" t="s">
        <v>79</v>
      </c>
      <c r="C8" s="242"/>
      <c r="D8" s="243"/>
      <c r="E8" s="243"/>
      <c r="F8" s="243"/>
      <c r="G8" s="243"/>
      <c r="H8" s="244"/>
      <c r="I8" s="242"/>
      <c r="J8" s="244"/>
      <c r="K8" s="242"/>
      <c r="L8" s="244"/>
      <c r="M8" s="242"/>
      <c r="N8" s="244"/>
      <c r="O8" s="242"/>
      <c r="P8" s="244"/>
      <c r="Q8" s="245" t="s">
        <v>67</v>
      </c>
      <c r="R8" s="246"/>
      <c r="S8" s="199" t="s">
        <v>80</v>
      </c>
      <c r="T8" s="201" t="s">
        <v>79</v>
      </c>
      <c r="U8" s="242"/>
      <c r="V8" s="243"/>
      <c r="W8" s="243"/>
      <c r="X8" s="243"/>
      <c r="Y8" s="243"/>
      <c r="Z8" s="244"/>
      <c r="AA8" s="242"/>
      <c r="AB8" s="244"/>
      <c r="AC8" s="242"/>
      <c r="AD8" s="244"/>
      <c r="AE8" s="242"/>
      <c r="AF8" s="244"/>
      <c r="AG8" s="242"/>
      <c r="AH8" s="244"/>
    </row>
    <row r="9" spans="1:34" ht="13" customHeight="1" x14ac:dyDescent="0.2">
      <c r="A9" s="209"/>
      <c r="B9" s="211"/>
      <c r="C9" s="247"/>
      <c r="D9" s="248"/>
      <c r="E9" s="247"/>
      <c r="F9" s="248"/>
      <c r="G9" s="247"/>
      <c r="H9" s="248"/>
      <c r="I9" s="247"/>
      <c r="J9" s="248"/>
      <c r="K9" s="247"/>
      <c r="L9" s="248"/>
      <c r="M9" s="247"/>
      <c r="N9" s="248"/>
      <c r="O9" s="247"/>
      <c r="P9" s="248"/>
      <c r="Q9" s="249"/>
      <c r="R9" s="250"/>
      <c r="S9" s="209"/>
      <c r="T9" s="211"/>
      <c r="U9" s="247"/>
      <c r="V9" s="248"/>
      <c r="W9" s="247"/>
      <c r="X9" s="248"/>
      <c r="Y9" s="247"/>
      <c r="Z9" s="248"/>
      <c r="AA9" s="247"/>
      <c r="AB9" s="248"/>
      <c r="AC9" s="247"/>
      <c r="AD9" s="248"/>
      <c r="AE9" s="247"/>
      <c r="AF9" s="248"/>
      <c r="AG9" s="247"/>
      <c r="AH9" s="248"/>
    </row>
    <row r="10" spans="1:34" ht="13" customHeight="1" x14ac:dyDescent="0.2">
      <c r="A10" s="199" t="s">
        <v>80</v>
      </c>
      <c r="B10" s="201" t="s">
        <v>79</v>
      </c>
      <c r="C10" s="242"/>
      <c r="D10" s="243"/>
      <c r="E10" s="243"/>
      <c r="F10" s="243"/>
      <c r="G10" s="243"/>
      <c r="H10" s="244"/>
      <c r="I10" s="242"/>
      <c r="J10" s="244"/>
      <c r="K10" s="242"/>
      <c r="L10" s="244"/>
      <c r="M10" s="242"/>
      <c r="N10" s="244"/>
      <c r="O10" s="242"/>
      <c r="P10" s="244"/>
      <c r="Q10" s="245" t="s">
        <v>68</v>
      </c>
      <c r="R10" s="246"/>
      <c r="S10" s="199" t="s">
        <v>80</v>
      </c>
      <c r="T10" s="201" t="s">
        <v>79</v>
      </c>
      <c r="U10" s="242"/>
      <c r="V10" s="243"/>
      <c r="W10" s="243"/>
      <c r="X10" s="243"/>
      <c r="Y10" s="243"/>
      <c r="Z10" s="244"/>
      <c r="AA10" s="242"/>
      <c r="AB10" s="244"/>
      <c r="AC10" s="242"/>
      <c r="AD10" s="244"/>
      <c r="AE10" s="242"/>
      <c r="AF10" s="244"/>
      <c r="AG10" s="242"/>
      <c r="AH10" s="244"/>
    </row>
    <row r="11" spans="1:34" ht="13" customHeight="1" x14ac:dyDescent="0.2">
      <c r="A11" s="209"/>
      <c r="B11" s="211"/>
      <c r="C11" s="247"/>
      <c r="D11" s="248"/>
      <c r="E11" s="247"/>
      <c r="F11" s="248"/>
      <c r="G11" s="247"/>
      <c r="H11" s="248"/>
      <c r="I11" s="247"/>
      <c r="J11" s="248"/>
      <c r="K11" s="247"/>
      <c r="L11" s="248"/>
      <c r="M11" s="247"/>
      <c r="N11" s="248"/>
      <c r="O11" s="247"/>
      <c r="P11" s="248"/>
      <c r="Q11" s="249"/>
      <c r="R11" s="250"/>
      <c r="S11" s="209"/>
      <c r="T11" s="211"/>
      <c r="U11" s="247"/>
      <c r="V11" s="248"/>
      <c r="W11" s="247"/>
      <c r="X11" s="248"/>
      <c r="Y11" s="247"/>
      <c r="Z11" s="248"/>
      <c r="AA11" s="247"/>
      <c r="AB11" s="248"/>
      <c r="AC11" s="247"/>
      <c r="AD11" s="248"/>
      <c r="AE11" s="247"/>
      <c r="AF11" s="248"/>
      <c r="AG11" s="247"/>
      <c r="AH11" s="248"/>
    </row>
    <row r="12" spans="1:34" ht="13" customHeight="1" x14ac:dyDescent="0.2">
      <c r="A12" s="199" t="s">
        <v>80</v>
      </c>
      <c r="B12" s="201" t="s">
        <v>79</v>
      </c>
      <c r="C12" s="242"/>
      <c r="D12" s="243"/>
      <c r="E12" s="243"/>
      <c r="F12" s="243"/>
      <c r="G12" s="243"/>
      <c r="H12" s="244"/>
      <c r="I12" s="242"/>
      <c r="J12" s="244"/>
      <c r="K12" s="242"/>
      <c r="L12" s="244"/>
      <c r="M12" s="242"/>
      <c r="N12" s="244"/>
      <c r="O12" s="242"/>
      <c r="P12" s="244"/>
      <c r="Q12" s="245" t="s">
        <v>69</v>
      </c>
      <c r="R12" s="246"/>
      <c r="S12" s="199" t="s">
        <v>80</v>
      </c>
      <c r="T12" s="201" t="s">
        <v>79</v>
      </c>
      <c r="U12" s="242"/>
      <c r="V12" s="243"/>
      <c r="W12" s="243"/>
      <c r="X12" s="243"/>
      <c r="Y12" s="243"/>
      <c r="Z12" s="244"/>
      <c r="AA12" s="242"/>
      <c r="AB12" s="244"/>
      <c r="AC12" s="242"/>
      <c r="AD12" s="244"/>
      <c r="AE12" s="242"/>
      <c r="AF12" s="244"/>
      <c r="AG12" s="242"/>
      <c r="AH12" s="244"/>
    </row>
    <row r="13" spans="1:34" ht="13" customHeight="1" x14ac:dyDescent="0.2">
      <c r="A13" s="209"/>
      <c r="B13" s="211"/>
      <c r="C13" s="247"/>
      <c r="D13" s="248"/>
      <c r="E13" s="247"/>
      <c r="F13" s="248"/>
      <c r="G13" s="247"/>
      <c r="H13" s="248"/>
      <c r="I13" s="247"/>
      <c r="J13" s="248"/>
      <c r="K13" s="247"/>
      <c r="L13" s="248"/>
      <c r="M13" s="247"/>
      <c r="N13" s="248"/>
      <c r="O13" s="247"/>
      <c r="P13" s="248"/>
      <c r="Q13" s="249"/>
      <c r="R13" s="250"/>
      <c r="S13" s="209"/>
      <c r="T13" s="211"/>
      <c r="U13" s="247"/>
      <c r="V13" s="248"/>
      <c r="W13" s="247"/>
      <c r="X13" s="248"/>
      <c r="Y13" s="247"/>
      <c r="Z13" s="248"/>
      <c r="AA13" s="247"/>
      <c r="AB13" s="248"/>
      <c r="AC13" s="247"/>
      <c r="AD13" s="248"/>
      <c r="AE13" s="247"/>
      <c r="AF13" s="248"/>
      <c r="AG13" s="247"/>
      <c r="AH13" s="248"/>
    </row>
    <row r="14" spans="1:34" ht="13" customHeight="1" x14ac:dyDescent="0.2">
      <c r="A14" s="199" t="s">
        <v>80</v>
      </c>
      <c r="B14" s="201" t="s">
        <v>79</v>
      </c>
      <c r="C14" s="242"/>
      <c r="D14" s="243"/>
      <c r="E14" s="243"/>
      <c r="F14" s="243"/>
      <c r="G14" s="243"/>
      <c r="H14" s="244"/>
      <c r="I14" s="242"/>
      <c r="J14" s="244"/>
      <c r="K14" s="242"/>
      <c r="L14" s="244"/>
      <c r="M14" s="242"/>
      <c r="N14" s="244"/>
      <c r="O14" s="242"/>
      <c r="P14" s="244"/>
      <c r="Q14" s="245" t="s">
        <v>70</v>
      </c>
      <c r="R14" s="246"/>
      <c r="S14" s="199" t="s">
        <v>80</v>
      </c>
      <c r="T14" s="201" t="s">
        <v>79</v>
      </c>
      <c r="U14" s="242"/>
      <c r="V14" s="243"/>
      <c r="W14" s="243"/>
      <c r="X14" s="243"/>
      <c r="Y14" s="243"/>
      <c r="Z14" s="244"/>
      <c r="AA14" s="242"/>
      <c r="AB14" s="244"/>
      <c r="AC14" s="242"/>
      <c r="AD14" s="244"/>
      <c r="AE14" s="242"/>
      <c r="AF14" s="244"/>
      <c r="AG14" s="242"/>
      <c r="AH14" s="244"/>
    </row>
    <row r="15" spans="1:34" ht="13" customHeight="1" x14ac:dyDescent="0.2">
      <c r="A15" s="209"/>
      <c r="B15" s="211"/>
      <c r="C15" s="247"/>
      <c r="D15" s="248"/>
      <c r="E15" s="247"/>
      <c r="F15" s="248"/>
      <c r="G15" s="247"/>
      <c r="H15" s="248"/>
      <c r="I15" s="247"/>
      <c r="J15" s="248"/>
      <c r="K15" s="247"/>
      <c r="L15" s="248"/>
      <c r="M15" s="247"/>
      <c r="N15" s="248"/>
      <c r="O15" s="247"/>
      <c r="P15" s="248"/>
      <c r="Q15" s="249"/>
      <c r="R15" s="250"/>
      <c r="S15" s="209"/>
      <c r="T15" s="211"/>
      <c r="U15" s="247"/>
      <c r="V15" s="248"/>
      <c r="W15" s="247"/>
      <c r="X15" s="248"/>
      <c r="Y15" s="247"/>
      <c r="Z15" s="248"/>
      <c r="AA15" s="247"/>
      <c r="AB15" s="248"/>
      <c r="AC15" s="247"/>
      <c r="AD15" s="248"/>
      <c r="AE15" s="247"/>
      <c r="AF15" s="248"/>
      <c r="AG15" s="247"/>
      <c r="AH15" s="248"/>
    </row>
    <row r="16" spans="1:34" ht="13" customHeight="1" x14ac:dyDescent="0.2">
      <c r="A16" s="199" t="s">
        <v>80</v>
      </c>
      <c r="B16" s="201" t="s">
        <v>79</v>
      </c>
      <c r="C16" s="242"/>
      <c r="D16" s="243"/>
      <c r="E16" s="243"/>
      <c r="F16" s="243"/>
      <c r="G16" s="243"/>
      <c r="H16" s="244"/>
      <c r="I16" s="242"/>
      <c r="J16" s="244"/>
      <c r="K16" s="242"/>
      <c r="L16" s="244"/>
      <c r="M16" s="242"/>
      <c r="N16" s="244"/>
      <c r="O16" s="242"/>
      <c r="P16" s="244"/>
      <c r="Q16" s="245" t="s">
        <v>71</v>
      </c>
      <c r="R16" s="246"/>
      <c r="S16" s="199" t="s">
        <v>80</v>
      </c>
      <c r="T16" s="201" t="s">
        <v>79</v>
      </c>
      <c r="U16" s="242"/>
      <c r="V16" s="243"/>
      <c r="W16" s="243"/>
      <c r="X16" s="243"/>
      <c r="Y16" s="243"/>
      <c r="Z16" s="244"/>
      <c r="AA16" s="242"/>
      <c r="AB16" s="244"/>
      <c r="AC16" s="242"/>
      <c r="AD16" s="244"/>
      <c r="AE16" s="242"/>
      <c r="AF16" s="244"/>
      <c r="AG16" s="242"/>
      <c r="AH16" s="244"/>
    </row>
    <row r="17" spans="1:34" ht="13" customHeight="1" x14ac:dyDescent="0.2">
      <c r="A17" s="209"/>
      <c r="B17" s="211"/>
      <c r="C17" s="247"/>
      <c r="D17" s="248"/>
      <c r="E17" s="247"/>
      <c r="F17" s="248"/>
      <c r="G17" s="247"/>
      <c r="H17" s="248"/>
      <c r="I17" s="247"/>
      <c r="J17" s="248"/>
      <c r="K17" s="247"/>
      <c r="L17" s="248"/>
      <c r="M17" s="247"/>
      <c r="N17" s="248"/>
      <c r="O17" s="247"/>
      <c r="P17" s="248"/>
      <c r="Q17" s="249"/>
      <c r="R17" s="250"/>
      <c r="S17" s="209"/>
      <c r="T17" s="211"/>
      <c r="U17" s="247"/>
      <c r="V17" s="248"/>
      <c r="W17" s="247"/>
      <c r="X17" s="248"/>
      <c r="Y17" s="247"/>
      <c r="Z17" s="248"/>
      <c r="AA17" s="247"/>
      <c r="AB17" s="248"/>
      <c r="AC17" s="247"/>
      <c r="AD17" s="248"/>
      <c r="AE17" s="247"/>
      <c r="AF17" s="248"/>
      <c r="AG17" s="247"/>
      <c r="AH17" s="248"/>
    </row>
    <row r="18" spans="1:34" ht="13" customHeight="1" x14ac:dyDescent="0.2">
      <c r="A18" s="199" t="s">
        <v>80</v>
      </c>
      <c r="B18" s="201" t="s">
        <v>79</v>
      </c>
      <c r="C18" s="242"/>
      <c r="D18" s="243"/>
      <c r="E18" s="243"/>
      <c r="F18" s="243"/>
      <c r="G18" s="243"/>
      <c r="H18" s="244"/>
      <c r="I18" s="242"/>
      <c r="J18" s="244"/>
      <c r="K18" s="242"/>
      <c r="L18" s="244"/>
      <c r="M18" s="242"/>
      <c r="N18" s="244"/>
      <c r="O18" s="242"/>
      <c r="P18" s="244"/>
      <c r="Q18" s="245" t="s">
        <v>72</v>
      </c>
      <c r="R18" s="246"/>
      <c r="S18" s="199" t="s">
        <v>80</v>
      </c>
      <c r="T18" s="201" t="s">
        <v>79</v>
      </c>
      <c r="U18" s="242"/>
      <c r="V18" s="243"/>
      <c r="W18" s="243"/>
      <c r="X18" s="243"/>
      <c r="Y18" s="243"/>
      <c r="Z18" s="244"/>
      <c r="AA18" s="242"/>
      <c r="AB18" s="244"/>
      <c r="AC18" s="242"/>
      <c r="AD18" s="244"/>
      <c r="AE18" s="242"/>
      <c r="AF18" s="244"/>
      <c r="AG18" s="242"/>
      <c r="AH18" s="244"/>
    </row>
    <row r="19" spans="1:34" ht="13" customHeight="1" x14ac:dyDescent="0.2">
      <c r="A19" s="209"/>
      <c r="B19" s="211"/>
      <c r="C19" s="247"/>
      <c r="D19" s="248"/>
      <c r="E19" s="247"/>
      <c r="F19" s="248"/>
      <c r="G19" s="247"/>
      <c r="H19" s="248"/>
      <c r="I19" s="247"/>
      <c r="J19" s="248"/>
      <c r="K19" s="247"/>
      <c r="L19" s="248"/>
      <c r="M19" s="247"/>
      <c r="N19" s="248"/>
      <c r="O19" s="247"/>
      <c r="P19" s="248"/>
      <c r="Q19" s="249"/>
      <c r="R19" s="250"/>
      <c r="S19" s="209"/>
      <c r="T19" s="211"/>
      <c r="U19" s="247"/>
      <c r="V19" s="248"/>
      <c r="W19" s="247"/>
      <c r="X19" s="248"/>
      <c r="Y19" s="247"/>
      <c r="Z19" s="248"/>
      <c r="AA19" s="247"/>
      <c r="AB19" s="248"/>
      <c r="AC19" s="247"/>
      <c r="AD19" s="248"/>
      <c r="AE19" s="247"/>
      <c r="AF19" s="248"/>
      <c r="AG19" s="247"/>
      <c r="AH19" s="248"/>
    </row>
    <row r="20" spans="1:34" ht="13" customHeight="1" x14ac:dyDescent="0.2">
      <c r="A20" s="199" t="s">
        <v>78</v>
      </c>
      <c r="B20" s="201" t="s">
        <v>79</v>
      </c>
      <c r="C20" s="128" t="s">
        <v>0</v>
      </c>
      <c r="D20" s="129" t="s">
        <v>0</v>
      </c>
      <c r="E20" s="242"/>
      <c r="F20" s="243"/>
      <c r="G20" s="130" t="s">
        <v>0</v>
      </c>
      <c r="H20" s="129" t="s">
        <v>0</v>
      </c>
      <c r="I20" s="242"/>
      <c r="J20" s="243"/>
      <c r="K20" s="130" t="s">
        <v>0</v>
      </c>
      <c r="L20" s="129" t="s">
        <v>0</v>
      </c>
      <c r="M20" s="242"/>
      <c r="N20" s="243"/>
      <c r="O20" s="130" t="s">
        <v>0</v>
      </c>
      <c r="P20" s="129" t="s">
        <v>0</v>
      </c>
      <c r="Q20" s="245" t="s">
        <v>73</v>
      </c>
      <c r="R20" s="246"/>
      <c r="S20" s="199" t="s">
        <v>78</v>
      </c>
      <c r="T20" s="201" t="s">
        <v>79</v>
      </c>
      <c r="U20" s="128"/>
      <c r="V20" s="129"/>
      <c r="W20" s="128" t="s">
        <v>34</v>
      </c>
      <c r="X20" s="130" t="s">
        <v>34</v>
      </c>
      <c r="Y20" s="130"/>
      <c r="Z20" s="129"/>
      <c r="AA20" s="128" t="s">
        <v>34</v>
      </c>
      <c r="AB20" s="130" t="s">
        <v>34</v>
      </c>
      <c r="AC20" s="130"/>
      <c r="AD20" s="129"/>
      <c r="AE20" s="128" t="s">
        <v>34</v>
      </c>
      <c r="AF20" s="130" t="s">
        <v>34</v>
      </c>
      <c r="AG20" s="130"/>
      <c r="AH20" s="129"/>
    </row>
    <row r="21" spans="1:34" ht="13" customHeight="1" x14ac:dyDescent="0.2">
      <c r="A21" s="270"/>
      <c r="B21" s="271"/>
      <c r="C21" s="251"/>
      <c r="D21" s="252"/>
      <c r="E21" s="138" t="s">
        <v>0</v>
      </c>
      <c r="F21" s="139" t="s">
        <v>0</v>
      </c>
      <c r="G21" s="251"/>
      <c r="H21" s="252"/>
      <c r="I21" s="138" t="s">
        <v>0</v>
      </c>
      <c r="J21" s="139" t="s">
        <v>0</v>
      </c>
      <c r="K21" s="251"/>
      <c r="L21" s="252"/>
      <c r="M21" s="138" t="s">
        <v>0</v>
      </c>
      <c r="N21" s="139" t="s">
        <v>0</v>
      </c>
      <c r="O21" s="251"/>
      <c r="P21" s="253"/>
      <c r="Q21" s="254"/>
      <c r="R21" s="255"/>
      <c r="S21" s="270"/>
      <c r="T21" s="271"/>
      <c r="U21" s="137" t="s">
        <v>34</v>
      </c>
      <c r="V21" s="138" t="s">
        <v>34</v>
      </c>
      <c r="W21" s="138"/>
      <c r="X21" s="139"/>
      <c r="Y21" s="137" t="s">
        <v>34</v>
      </c>
      <c r="Z21" s="138" t="s">
        <v>34</v>
      </c>
      <c r="AA21" s="138"/>
      <c r="AB21" s="139"/>
      <c r="AC21" s="137" t="s">
        <v>34</v>
      </c>
      <c r="AD21" s="138" t="s">
        <v>34</v>
      </c>
      <c r="AE21" s="138"/>
      <c r="AF21" s="139"/>
      <c r="AG21" s="137" t="s">
        <v>34</v>
      </c>
      <c r="AH21" s="129" t="s">
        <v>34</v>
      </c>
    </row>
    <row r="22" spans="1:34" ht="13" customHeight="1" x14ac:dyDescent="0.2">
      <c r="A22" s="209"/>
      <c r="B22" s="211"/>
      <c r="C22" s="147" t="s">
        <v>0</v>
      </c>
      <c r="D22" s="148" t="s">
        <v>0</v>
      </c>
      <c r="E22" s="247"/>
      <c r="F22" s="256"/>
      <c r="G22" s="149" t="s">
        <v>0</v>
      </c>
      <c r="H22" s="148" t="s">
        <v>0</v>
      </c>
      <c r="I22" s="247"/>
      <c r="J22" s="256"/>
      <c r="K22" s="149" t="s">
        <v>0</v>
      </c>
      <c r="L22" s="148" t="s">
        <v>0</v>
      </c>
      <c r="M22" s="247"/>
      <c r="N22" s="256"/>
      <c r="O22" s="149" t="s">
        <v>0</v>
      </c>
      <c r="P22" s="148" t="s">
        <v>0</v>
      </c>
      <c r="Q22" s="249"/>
      <c r="R22" s="250"/>
      <c r="S22" s="209"/>
      <c r="T22" s="211"/>
      <c r="U22" s="147"/>
      <c r="V22" s="148"/>
      <c r="W22" s="147" t="s">
        <v>34</v>
      </c>
      <c r="X22" s="149" t="s">
        <v>34</v>
      </c>
      <c r="Y22" s="149"/>
      <c r="Z22" s="148"/>
      <c r="AA22" s="147" t="s">
        <v>34</v>
      </c>
      <c r="AB22" s="149" t="s">
        <v>34</v>
      </c>
      <c r="AC22" s="149"/>
      <c r="AD22" s="148"/>
      <c r="AE22" s="147" t="s">
        <v>34</v>
      </c>
      <c r="AF22" s="149" t="s">
        <v>34</v>
      </c>
      <c r="AG22" s="149"/>
      <c r="AH22" s="148"/>
    </row>
    <row r="23" spans="1:34" ht="15.5" customHeight="1" x14ac:dyDescent="0.2">
      <c r="A23" s="257" t="s">
        <v>56</v>
      </c>
      <c r="B23" s="257"/>
      <c r="C23" s="236" t="s">
        <v>1</v>
      </c>
      <c r="D23" s="236"/>
      <c r="E23" s="236"/>
      <c r="F23" s="236" t="s">
        <v>3</v>
      </c>
      <c r="G23" s="236"/>
      <c r="H23" s="236"/>
      <c r="I23" s="236" t="s">
        <v>2</v>
      </c>
      <c r="J23" s="236"/>
      <c r="K23" s="236"/>
      <c r="L23" s="258" t="s">
        <v>74</v>
      </c>
      <c r="M23" s="259"/>
      <c r="N23" s="259" t="s">
        <v>75</v>
      </c>
      <c r="O23" s="259" t="s">
        <v>76</v>
      </c>
      <c r="P23" s="259"/>
      <c r="Q23" s="260"/>
      <c r="R23" s="258" t="s">
        <v>74</v>
      </c>
      <c r="S23" s="259" t="s">
        <v>75</v>
      </c>
      <c r="T23" s="259" t="s">
        <v>76</v>
      </c>
      <c r="U23" s="259"/>
      <c r="V23" s="259"/>
      <c r="W23" s="260"/>
      <c r="X23" s="257" t="s">
        <v>56</v>
      </c>
      <c r="Y23" s="257"/>
      <c r="Z23" s="236" t="s">
        <v>1</v>
      </c>
      <c r="AA23" s="236"/>
      <c r="AB23" s="236"/>
      <c r="AC23" s="236" t="s">
        <v>3</v>
      </c>
      <c r="AD23" s="236"/>
      <c r="AE23" s="236"/>
      <c r="AF23" s="236" t="s">
        <v>2</v>
      </c>
      <c r="AG23" s="236"/>
      <c r="AH23" s="236"/>
    </row>
    <row r="24" spans="1:34" ht="5" customHeight="1" x14ac:dyDescent="0.2">
      <c r="A24" s="261" t="s">
        <v>45</v>
      </c>
      <c r="B24" s="262"/>
      <c r="C24" s="236"/>
      <c r="D24" s="236"/>
      <c r="E24" s="236"/>
      <c r="F24" s="236"/>
      <c r="G24" s="236"/>
      <c r="H24" s="236"/>
      <c r="I24" s="236"/>
      <c r="J24" s="236"/>
      <c r="K24" s="236"/>
      <c r="L24" s="263"/>
      <c r="M24" s="264"/>
      <c r="N24" s="264"/>
      <c r="O24" s="264"/>
      <c r="P24" s="264"/>
      <c r="Q24" s="265"/>
      <c r="R24" s="263"/>
      <c r="S24" s="264"/>
      <c r="T24" s="264"/>
      <c r="U24" s="264"/>
      <c r="V24" s="264"/>
      <c r="W24" s="265"/>
      <c r="X24" s="261" t="s">
        <v>45</v>
      </c>
      <c r="Y24" s="262"/>
      <c r="Z24" s="236"/>
      <c r="AA24" s="236"/>
      <c r="AB24" s="236"/>
      <c r="AC24" s="236"/>
      <c r="AD24" s="236"/>
      <c r="AE24" s="236"/>
      <c r="AF24" s="236"/>
      <c r="AG24" s="236"/>
      <c r="AH24" s="236"/>
    </row>
    <row r="25" spans="1:34" ht="15" customHeight="1" x14ac:dyDescent="0.2">
      <c r="A25" s="266"/>
      <c r="B25" s="267"/>
      <c r="C25" s="236"/>
      <c r="D25" s="236"/>
      <c r="E25" s="236"/>
      <c r="F25" s="236"/>
      <c r="G25" s="236"/>
      <c r="H25" s="236"/>
      <c r="I25" s="236"/>
      <c r="J25" s="236"/>
      <c r="K25" s="236"/>
      <c r="L25" s="258" t="s">
        <v>74</v>
      </c>
      <c r="M25" s="259"/>
      <c r="N25" s="259" t="s">
        <v>77</v>
      </c>
      <c r="O25" s="259" t="s">
        <v>76</v>
      </c>
      <c r="P25" s="259"/>
      <c r="Q25" s="260"/>
      <c r="R25" s="258" t="s">
        <v>74</v>
      </c>
      <c r="S25" s="259" t="s">
        <v>77</v>
      </c>
      <c r="T25" s="259" t="s">
        <v>76</v>
      </c>
      <c r="U25" s="259"/>
      <c r="V25" s="259"/>
      <c r="W25" s="260"/>
      <c r="X25" s="266"/>
      <c r="Y25" s="267"/>
      <c r="Z25" s="236"/>
      <c r="AA25" s="236"/>
      <c r="AB25" s="236"/>
      <c r="AC25" s="236"/>
      <c r="AD25" s="236"/>
      <c r="AE25" s="236"/>
      <c r="AF25" s="236"/>
      <c r="AG25" s="236"/>
      <c r="AH25" s="236"/>
    </row>
    <row r="26" spans="1:34" ht="5" customHeight="1" x14ac:dyDescent="0.2">
      <c r="A26" s="268"/>
      <c r="B26" s="269"/>
      <c r="C26" s="236"/>
      <c r="D26" s="236"/>
      <c r="E26" s="236"/>
      <c r="F26" s="236"/>
      <c r="G26" s="236"/>
      <c r="H26" s="236"/>
      <c r="I26" s="236"/>
      <c r="J26" s="236"/>
      <c r="K26" s="236"/>
      <c r="L26" s="263"/>
      <c r="M26" s="264"/>
      <c r="N26" s="264"/>
      <c r="O26" s="264"/>
      <c r="P26" s="264"/>
      <c r="Q26" s="265"/>
      <c r="R26" s="263"/>
      <c r="S26" s="264"/>
      <c r="T26" s="264"/>
      <c r="U26" s="264"/>
      <c r="V26" s="264"/>
      <c r="W26" s="265"/>
      <c r="X26" s="268"/>
      <c r="Y26" s="269"/>
      <c r="Z26" s="236"/>
      <c r="AA26" s="236"/>
      <c r="AB26" s="236"/>
      <c r="AC26" s="236"/>
      <c r="AD26" s="236"/>
      <c r="AE26" s="236"/>
      <c r="AF26" s="236"/>
      <c r="AG26" s="236"/>
      <c r="AH26" s="236"/>
    </row>
    <row r="27" spans="1:34" ht="12.75" customHeight="1" x14ac:dyDescent="0.2">
      <c r="A27" s="233" t="s">
        <v>11</v>
      </c>
      <c r="B27" s="234"/>
      <c r="C27" s="234"/>
      <c r="D27" s="235"/>
      <c r="E27" s="236" t="s">
        <v>4</v>
      </c>
      <c r="F27" s="236"/>
      <c r="G27" s="236"/>
      <c r="H27" s="236"/>
      <c r="I27" s="236"/>
      <c r="J27" s="236"/>
      <c r="K27" s="236" t="s">
        <v>5</v>
      </c>
      <c r="L27" s="236"/>
      <c r="M27" s="236"/>
      <c r="N27" s="236"/>
      <c r="O27" s="236"/>
      <c r="P27" s="236"/>
      <c r="Q27" s="237" t="s">
        <v>10</v>
      </c>
      <c r="R27" s="238"/>
      <c r="S27" s="233" t="s">
        <v>11</v>
      </c>
      <c r="T27" s="234"/>
      <c r="U27" s="234"/>
      <c r="V27" s="235"/>
      <c r="W27" s="236" t="s">
        <v>4</v>
      </c>
      <c r="X27" s="236"/>
      <c r="Y27" s="236"/>
      <c r="Z27" s="236"/>
      <c r="AA27" s="236"/>
      <c r="AB27" s="236"/>
      <c r="AC27" s="236" t="s">
        <v>5</v>
      </c>
      <c r="AD27" s="236"/>
      <c r="AE27" s="236"/>
      <c r="AF27" s="236"/>
      <c r="AG27" s="236"/>
      <c r="AH27" s="236"/>
    </row>
    <row r="28" spans="1:34" ht="12.75" customHeight="1" x14ac:dyDescent="0.2">
      <c r="A28" s="239" t="s">
        <v>23</v>
      </c>
      <c r="B28" s="240"/>
      <c r="C28" s="240"/>
      <c r="D28" s="241"/>
      <c r="E28" s="236"/>
      <c r="F28" s="236"/>
      <c r="G28" s="236"/>
      <c r="H28" s="236"/>
      <c r="I28" s="236"/>
      <c r="J28" s="236"/>
      <c r="K28" s="236"/>
      <c r="L28" s="236"/>
      <c r="M28" s="236"/>
      <c r="N28" s="236"/>
      <c r="O28" s="236"/>
      <c r="P28" s="236"/>
      <c r="Q28" s="236"/>
      <c r="R28" s="236"/>
      <c r="S28" s="239" t="s">
        <v>23</v>
      </c>
      <c r="T28" s="240"/>
      <c r="U28" s="240"/>
      <c r="V28" s="241"/>
      <c r="W28" s="236"/>
      <c r="X28" s="236"/>
      <c r="Y28" s="236"/>
      <c r="Z28" s="236"/>
      <c r="AA28" s="236"/>
      <c r="AB28" s="236"/>
      <c r="AC28" s="236"/>
      <c r="AD28" s="236"/>
      <c r="AE28" s="236"/>
      <c r="AF28" s="236"/>
      <c r="AG28" s="236"/>
      <c r="AH28" s="236"/>
    </row>
    <row r="29" spans="1:34" ht="13" customHeight="1" x14ac:dyDescent="0.2">
      <c r="A29" s="199" t="s">
        <v>80</v>
      </c>
      <c r="B29" s="201" t="s">
        <v>79</v>
      </c>
      <c r="C29" s="242"/>
      <c r="D29" s="243"/>
      <c r="E29" s="243"/>
      <c r="F29" s="243"/>
      <c r="G29" s="243"/>
      <c r="H29" s="244"/>
      <c r="I29" s="242"/>
      <c r="J29" s="244"/>
      <c r="K29" s="242"/>
      <c r="L29" s="244"/>
      <c r="M29" s="242"/>
      <c r="N29" s="244"/>
      <c r="O29" s="242"/>
      <c r="P29" s="244"/>
      <c r="Q29" s="245" t="s">
        <v>67</v>
      </c>
      <c r="R29" s="246"/>
      <c r="S29" s="199" t="s">
        <v>80</v>
      </c>
      <c r="T29" s="201" t="s">
        <v>79</v>
      </c>
      <c r="U29" s="242"/>
      <c r="V29" s="243"/>
      <c r="W29" s="243"/>
      <c r="X29" s="243"/>
      <c r="Y29" s="243"/>
      <c r="Z29" s="244"/>
      <c r="AA29" s="242"/>
      <c r="AB29" s="244"/>
      <c r="AC29" s="242"/>
      <c r="AD29" s="244"/>
      <c r="AE29" s="242"/>
      <c r="AF29" s="244"/>
      <c r="AG29" s="242"/>
      <c r="AH29" s="244"/>
    </row>
    <row r="30" spans="1:34" ht="13" customHeight="1" x14ac:dyDescent="0.2">
      <c r="A30" s="209"/>
      <c r="B30" s="211"/>
      <c r="C30" s="247"/>
      <c r="D30" s="248"/>
      <c r="E30" s="247"/>
      <c r="F30" s="248"/>
      <c r="G30" s="247"/>
      <c r="H30" s="248"/>
      <c r="I30" s="247"/>
      <c r="J30" s="248"/>
      <c r="K30" s="247"/>
      <c r="L30" s="248"/>
      <c r="M30" s="247"/>
      <c r="N30" s="248"/>
      <c r="O30" s="247"/>
      <c r="P30" s="248"/>
      <c r="Q30" s="249"/>
      <c r="R30" s="250"/>
      <c r="S30" s="209"/>
      <c r="T30" s="211"/>
      <c r="U30" s="247"/>
      <c r="V30" s="248"/>
      <c r="W30" s="247"/>
      <c r="X30" s="248"/>
      <c r="Y30" s="247"/>
      <c r="Z30" s="248"/>
      <c r="AA30" s="247"/>
      <c r="AB30" s="248"/>
      <c r="AC30" s="247"/>
      <c r="AD30" s="248"/>
      <c r="AE30" s="247"/>
      <c r="AF30" s="248"/>
      <c r="AG30" s="247"/>
      <c r="AH30" s="248"/>
    </row>
    <row r="31" spans="1:34" ht="13" customHeight="1" x14ac:dyDescent="0.2">
      <c r="A31" s="199" t="s">
        <v>80</v>
      </c>
      <c r="B31" s="201" t="s">
        <v>79</v>
      </c>
      <c r="C31" s="242"/>
      <c r="D31" s="243"/>
      <c r="E31" s="243"/>
      <c r="F31" s="243"/>
      <c r="G31" s="243"/>
      <c r="H31" s="244"/>
      <c r="I31" s="242"/>
      <c r="J31" s="244"/>
      <c r="K31" s="242"/>
      <c r="L31" s="244"/>
      <c r="M31" s="242"/>
      <c r="N31" s="244"/>
      <c r="O31" s="242"/>
      <c r="P31" s="244"/>
      <c r="Q31" s="245" t="s">
        <v>68</v>
      </c>
      <c r="R31" s="246"/>
      <c r="S31" s="199" t="s">
        <v>80</v>
      </c>
      <c r="T31" s="201" t="s">
        <v>79</v>
      </c>
      <c r="U31" s="242"/>
      <c r="V31" s="243"/>
      <c r="W31" s="243"/>
      <c r="X31" s="243"/>
      <c r="Y31" s="243"/>
      <c r="Z31" s="244"/>
      <c r="AA31" s="242"/>
      <c r="AB31" s="244"/>
      <c r="AC31" s="242"/>
      <c r="AD31" s="244"/>
      <c r="AE31" s="242"/>
      <c r="AF31" s="244"/>
      <c r="AG31" s="242"/>
      <c r="AH31" s="244"/>
    </row>
    <row r="32" spans="1:34" ht="13" customHeight="1" x14ac:dyDescent="0.2">
      <c r="A32" s="209"/>
      <c r="B32" s="211"/>
      <c r="C32" s="247"/>
      <c r="D32" s="248"/>
      <c r="E32" s="247"/>
      <c r="F32" s="248"/>
      <c r="G32" s="247"/>
      <c r="H32" s="248"/>
      <c r="I32" s="247"/>
      <c r="J32" s="248"/>
      <c r="K32" s="247"/>
      <c r="L32" s="248"/>
      <c r="M32" s="247"/>
      <c r="N32" s="248"/>
      <c r="O32" s="247"/>
      <c r="P32" s="248"/>
      <c r="Q32" s="249"/>
      <c r="R32" s="250"/>
      <c r="S32" s="209"/>
      <c r="T32" s="211"/>
      <c r="U32" s="247"/>
      <c r="V32" s="248"/>
      <c r="W32" s="247"/>
      <c r="X32" s="248"/>
      <c r="Y32" s="247"/>
      <c r="Z32" s="248"/>
      <c r="AA32" s="247"/>
      <c r="AB32" s="248"/>
      <c r="AC32" s="247"/>
      <c r="AD32" s="248"/>
      <c r="AE32" s="247"/>
      <c r="AF32" s="248"/>
      <c r="AG32" s="247"/>
      <c r="AH32" s="248"/>
    </row>
    <row r="33" spans="1:34" ht="13" customHeight="1" x14ac:dyDescent="0.2">
      <c r="A33" s="199" t="s">
        <v>80</v>
      </c>
      <c r="B33" s="201" t="s">
        <v>79</v>
      </c>
      <c r="C33" s="242"/>
      <c r="D33" s="243"/>
      <c r="E33" s="243"/>
      <c r="F33" s="243"/>
      <c r="G33" s="243"/>
      <c r="H33" s="244"/>
      <c r="I33" s="242"/>
      <c r="J33" s="244"/>
      <c r="K33" s="242"/>
      <c r="L33" s="244"/>
      <c r="M33" s="242"/>
      <c r="N33" s="244"/>
      <c r="O33" s="242"/>
      <c r="P33" s="244"/>
      <c r="Q33" s="245" t="s">
        <v>69</v>
      </c>
      <c r="R33" s="246"/>
      <c r="S33" s="199" t="s">
        <v>80</v>
      </c>
      <c r="T33" s="201" t="s">
        <v>79</v>
      </c>
      <c r="U33" s="242"/>
      <c r="V33" s="243"/>
      <c r="W33" s="243"/>
      <c r="X33" s="243"/>
      <c r="Y33" s="243"/>
      <c r="Z33" s="244"/>
      <c r="AA33" s="242"/>
      <c r="AB33" s="244"/>
      <c r="AC33" s="242"/>
      <c r="AD33" s="244"/>
      <c r="AE33" s="242"/>
      <c r="AF33" s="244"/>
      <c r="AG33" s="242"/>
      <c r="AH33" s="244"/>
    </row>
    <row r="34" spans="1:34" ht="13" customHeight="1" x14ac:dyDescent="0.2">
      <c r="A34" s="209"/>
      <c r="B34" s="211"/>
      <c r="C34" s="247"/>
      <c r="D34" s="248"/>
      <c r="E34" s="247"/>
      <c r="F34" s="248"/>
      <c r="G34" s="247"/>
      <c r="H34" s="248"/>
      <c r="I34" s="247"/>
      <c r="J34" s="248"/>
      <c r="K34" s="247"/>
      <c r="L34" s="248"/>
      <c r="M34" s="247"/>
      <c r="N34" s="248"/>
      <c r="O34" s="247"/>
      <c r="P34" s="248"/>
      <c r="Q34" s="249"/>
      <c r="R34" s="250"/>
      <c r="S34" s="209"/>
      <c r="T34" s="211"/>
      <c r="U34" s="247"/>
      <c r="V34" s="248"/>
      <c r="W34" s="247"/>
      <c r="X34" s="248"/>
      <c r="Y34" s="247"/>
      <c r="Z34" s="248"/>
      <c r="AA34" s="247"/>
      <c r="AB34" s="248"/>
      <c r="AC34" s="247"/>
      <c r="AD34" s="248"/>
      <c r="AE34" s="247"/>
      <c r="AF34" s="248"/>
      <c r="AG34" s="247"/>
      <c r="AH34" s="248"/>
    </row>
    <row r="35" spans="1:34" ht="13" customHeight="1" x14ac:dyDescent="0.2">
      <c r="A35" s="199" t="s">
        <v>80</v>
      </c>
      <c r="B35" s="201" t="s">
        <v>79</v>
      </c>
      <c r="C35" s="242"/>
      <c r="D35" s="243"/>
      <c r="E35" s="243"/>
      <c r="F35" s="243"/>
      <c r="G35" s="243"/>
      <c r="H35" s="244"/>
      <c r="I35" s="242"/>
      <c r="J35" s="244"/>
      <c r="K35" s="242"/>
      <c r="L35" s="244"/>
      <c r="M35" s="242"/>
      <c r="N35" s="244"/>
      <c r="O35" s="242"/>
      <c r="P35" s="244"/>
      <c r="Q35" s="245" t="s">
        <v>70</v>
      </c>
      <c r="R35" s="246"/>
      <c r="S35" s="199" t="s">
        <v>80</v>
      </c>
      <c r="T35" s="201" t="s">
        <v>79</v>
      </c>
      <c r="U35" s="242"/>
      <c r="V35" s="243"/>
      <c r="W35" s="243"/>
      <c r="X35" s="243"/>
      <c r="Y35" s="243"/>
      <c r="Z35" s="244"/>
      <c r="AA35" s="242"/>
      <c r="AB35" s="244"/>
      <c r="AC35" s="242"/>
      <c r="AD35" s="244"/>
      <c r="AE35" s="242"/>
      <c r="AF35" s="244"/>
      <c r="AG35" s="242"/>
      <c r="AH35" s="244"/>
    </row>
    <row r="36" spans="1:34" ht="13" customHeight="1" x14ac:dyDescent="0.2">
      <c r="A36" s="209"/>
      <c r="B36" s="211"/>
      <c r="C36" s="247"/>
      <c r="D36" s="248"/>
      <c r="E36" s="247"/>
      <c r="F36" s="248"/>
      <c r="G36" s="247"/>
      <c r="H36" s="248"/>
      <c r="I36" s="247"/>
      <c r="J36" s="248"/>
      <c r="K36" s="247"/>
      <c r="L36" s="248"/>
      <c r="M36" s="247"/>
      <c r="N36" s="248"/>
      <c r="O36" s="247"/>
      <c r="P36" s="248"/>
      <c r="Q36" s="249"/>
      <c r="R36" s="250"/>
      <c r="S36" s="209"/>
      <c r="T36" s="211"/>
      <c r="U36" s="247"/>
      <c r="V36" s="248"/>
      <c r="W36" s="247"/>
      <c r="X36" s="248"/>
      <c r="Y36" s="247"/>
      <c r="Z36" s="248"/>
      <c r="AA36" s="247"/>
      <c r="AB36" s="248"/>
      <c r="AC36" s="247"/>
      <c r="AD36" s="248"/>
      <c r="AE36" s="247"/>
      <c r="AF36" s="248"/>
      <c r="AG36" s="247"/>
      <c r="AH36" s="248"/>
    </row>
    <row r="37" spans="1:34" ht="13" customHeight="1" x14ac:dyDescent="0.2">
      <c r="A37" s="199" t="s">
        <v>80</v>
      </c>
      <c r="B37" s="201" t="s">
        <v>79</v>
      </c>
      <c r="C37" s="242"/>
      <c r="D37" s="243"/>
      <c r="E37" s="243"/>
      <c r="F37" s="243"/>
      <c r="G37" s="243"/>
      <c r="H37" s="244"/>
      <c r="I37" s="242"/>
      <c r="J37" s="244"/>
      <c r="K37" s="242"/>
      <c r="L37" s="244"/>
      <c r="M37" s="242"/>
      <c r="N37" s="244"/>
      <c r="O37" s="242"/>
      <c r="P37" s="244"/>
      <c r="Q37" s="245" t="s">
        <v>71</v>
      </c>
      <c r="R37" s="246"/>
      <c r="S37" s="199" t="s">
        <v>80</v>
      </c>
      <c r="T37" s="201" t="s">
        <v>79</v>
      </c>
      <c r="U37" s="242"/>
      <c r="V37" s="243"/>
      <c r="W37" s="243"/>
      <c r="X37" s="243"/>
      <c r="Y37" s="243"/>
      <c r="Z37" s="244"/>
      <c r="AA37" s="242"/>
      <c r="AB37" s="244"/>
      <c r="AC37" s="242"/>
      <c r="AD37" s="244"/>
      <c r="AE37" s="242"/>
      <c r="AF37" s="244"/>
      <c r="AG37" s="242"/>
      <c r="AH37" s="244"/>
    </row>
    <row r="38" spans="1:34" ht="13" customHeight="1" x14ac:dyDescent="0.2">
      <c r="A38" s="209"/>
      <c r="B38" s="211"/>
      <c r="C38" s="247"/>
      <c r="D38" s="248"/>
      <c r="E38" s="247"/>
      <c r="F38" s="248"/>
      <c r="G38" s="247"/>
      <c r="H38" s="248"/>
      <c r="I38" s="247"/>
      <c r="J38" s="248"/>
      <c r="K38" s="247"/>
      <c r="L38" s="248"/>
      <c r="M38" s="247"/>
      <c r="N38" s="248"/>
      <c r="O38" s="247"/>
      <c r="P38" s="248"/>
      <c r="Q38" s="249"/>
      <c r="R38" s="250"/>
      <c r="S38" s="209"/>
      <c r="T38" s="211"/>
      <c r="U38" s="247"/>
      <c r="V38" s="248"/>
      <c r="W38" s="247"/>
      <c r="X38" s="248"/>
      <c r="Y38" s="247"/>
      <c r="Z38" s="248"/>
      <c r="AA38" s="247"/>
      <c r="AB38" s="248"/>
      <c r="AC38" s="247"/>
      <c r="AD38" s="248"/>
      <c r="AE38" s="247"/>
      <c r="AF38" s="248"/>
      <c r="AG38" s="247"/>
      <c r="AH38" s="248"/>
    </row>
    <row r="39" spans="1:34" ht="13" customHeight="1" x14ac:dyDescent="0.2">
      <c r="A39" s="199" t="s">
        <v>80</v>
      </c>
      <c r="B39" s="201" t="s">
        <v>79</v>
      </c>
      <c r="C39" s="242"/>
      <c r="D39" s="243"/>
      <c r="E39" s="243"/>
      <c r="F39" s="243"/>
      <c r="G39" s="243"/>
      <c r="H39" s="244"/>
      <c r="I39" s="242"/>
      <c r="J39" s="244"/>
      <c r="K39" s="242"/>
      <c r="L39" s="244"/>
      <c r="M39" s="242"/>
      <c r="N39" s="244"/>
      <c r="O39" s="242"/>
      <c r="P39" s="244"/>
      <c r="Q39" s="245" t="s">
        <v>72</v>
      </c>
      <c r="R39" s="246"/>
      <c r="S39" s="199" t="s">
        <v>80</v>
      </c>
      <c r="T39" s="201" t="s">
        <v>79</v>
      </c>
      <c r="U39" s="242"/>
      <c r="V39" s="243"/>
      <c r="W39" s="243"/>
      <c r="X39" s="243"/>
      <c r="Y39" s="243"/>
      <c r="Z39" s="244"/>
      <c r="AA39" s="242"/>
      <c r="AB39" s="244"/>
      <c r="AC39" s="242"/>
      <c r="AD39" s="244"/>
      <c r="AE39" s="242"/>
      <c r="AF39" s="244"/>
      <c r="AG39" s="242"/>
      <c r="AH39" s="244"/>
    </row>
    <row r="40" spans="1:34" ht="13" customHeight="1" x14ac:dyDescent="0.2">
      <c r="A40" s="209"/>
      <c r="B40" s="211"/>
      <c r="C40" s="247"/>
      <c r="D40" s="248"/>
      <c r="E40" s="247"/>
      <c r="F40" s="248"/>
      <c r="G40" s="247"/>
      <c r="H40" s="248"/>
      <c r="I40" s="247"/>
      <c r="J40" s="248"/>
      <c r="K40" s="247"/>
      <c r="L40" s="248"/>
      <c r="M40" s="247"/>
      <c r="N40" s="248"/>
      <c r="O40" s="247"/>
      <c r="P40" s="248"/>
      <c r="Q40" s="249"/>
      <c r="R40" s="250"/>
      <c r="S40" s="209"/>
      <c r="T40" s="211"/>
      <c r="U40" s="247"/>
      <c r="V40" s="248"/>
      <c r="W40" s="247"/>
      <c r="X40" s="248"/>
      <c r="Y40" s="247"/>
      <c r="Z40" s="248"/>
      <c r="AA40" s="247"/>
      <c r="AB40" s="248"/>
      <c r="AC40" s="247"/>
      <c r="AD40" s="248"/>
      <c r="AE40" s="247"/>
      <c r="AF40" s="248"/>
      <c r="AG40" s="247"/>
      <c r="AH40" s="248"/>
    </row>
    <row r="41" spans="1:34" ht="13" customHeight="1" x14ac:dyDescent="0.2">
      <c r="A41" s="199" t="s">
        <v>78</v>
      </c>
      <c r="B41" s="201" t="s">
        <v>79</v>
      </c>
      <c r="C41" s="128" t="s">
        <v>0</v>
      </c>
      <c r="D41" s="129" t="s">
        <v>0</v>
      </c>
      <c r="E41" s="242"/>
      <c r="F41" s="243"/>
      <c r="G41" s="130" t="s">
        <v>0</v>
      </c>
      <c r="H41" s="129" t="s">
        <v>0</v>
      </c>
      <c r="I41" s="242"/>
      <c r="J41" s="243"/>
      <c r="K41" s="130" t="s">
        <v>0</v>
      </c>
      <c r="L41" s="129" t="s">
        <v>0</v>
      </c>
      <c r="M41" s="242"/>
      <c r="N41" s="243"/>
      <c r="O41" s="130" t="s">
        <v>0</v>
      </c>
      <c r="P41" s="129" t="s">
        <v>0</v>
      </c>
      <c r="Q41" s="245" t="s">
        <v>73</v>
      </c>
      <c r="R41" s="246"/>
      <c r="S41" s="199" t="s">
        <v>78</v>
      </c>
      <c r="T41" s="201" t="s">
        <v>79</v>
      </c>
      <c r="U41" s="128"/>
      <c r="V41" s="129"/>
      <c r="W41" s="128" t="s">
        <v>0</v>
      </c>
      <c r="X41" s="130" t="s">
        <v>0</v>
      </c>
      <c r="Y41" s="130"/>
      <c r="Z41" s="129"/>
      <c r="AA41" s="128" t="s">
        <v>0</v>
      </c>
      <c r="AB41" s="130" t="s">
        <v>0</v>
      </c>
      <c r="AC41" s="130"/>
      <c r="AD41" s="129"/>
      <c r="AE41" s="128" t="s">
        <v>0</v>
      </c>
      <c r="AF41" s="130" t="s">
        <v>0</v>
      </c>
      <c r="AG41" s="130"/>
      <c r="AH41" s="129"/>
    </row>
    <row r="42" spans="1:34" ht="13" customHeight="1" x14ac:dyDescent="0.2">
      <c r="A42" s="270"/>
      <c r="B42" s="271"/>
      <c r="C42" s="251"/>
      <c r="D42" s="252"/>
      <c r="E42" s="138" t="s">
        <v>0</v>
      </c>
      <c r="F42" s="139" t="s">
        <v>0</v>
      </c>
      <c r="G42" s="251"/>
      <c r="H42" s="252"/>
      <c r="I42" s="138" t="s">
        <v>0</v>
      </c>
      <c r="J42" s="139" t="s">
        <v>0</v>
      </c>
      <c r="K42" s="251"/>
      <c r="L42" s="252"/>
      <c r="M42" s="138" t="s">
        <v>0</v>
      </c>
      <c r="N42" s="139" t="s">
        <v>0</v>
      </c>
      <c r="O42" s="251"/>
      <c r="P42" s="253"/>
      <c r="Q42" s="254"/>
      <c r="R42" s="255"/>
      <c r="S42" s="270"/>
      <c r="T42" s="271"/>
      <c r="U42" s="137" t="s">
        <v>0</v>
      </c>
      <c r="V42" s="138" t="s">
        <v>0</v>
      </c>
      <c r="W42" s="138"/>
      <c r="X42" s="139"/>
      <c r="Y42" s="137" t="s">
        <v>0</v>
      </c>
      <c r="Z42" s="138" t="s">
        <v>0</v>
      </c>
      <c r="AA42" s="138"/>
      <c r="AB42" s="139"/>
      <c r="AC42" s="137" t="s">
        <v>0</v>
      </c>
      <c r="AD42" s="138" t="s">
        <v>0</v>
      </c>
      <c r="AE42" s="138"/>
      <c r="AF42" s="139"/>
      <c r="AG42" s="137" t="s">
        <v>0</v>
      </c>
      <c r="AH42" s="129" t="s">
        <v>0</v>
      </c>
    </row>
    <row r="43" spans="1:34" ht="13" customHeight="1" x14ac:dyDescent="0.2">
      <c r="A43" s="209"/>
      <c r="B43" s="211"/>
      <c r="C43" s="147" t="s">
        <v>0</v>
      </c>
      <c r="D43" s="148" t="s">
        <v>0</v>
      </c>
      <c r="E43" s="247"/>
      <c r="F43" s="256"/>
      <c r="G43" s="149" t="s">
        <v>0</v>
      </c>
      <c r="H43" s="148" t="s">
        <v>0</v>
      </c>
      <c r="I43" s="247"/>
      <c r="J43" s="256"/>
      <c r="K43" s="149" t="s">
        <v>0</v>
      </c>
      <c r="L43" s="148" t="s">
        <v>0</v>
      </c>
      <c r="M43" s="247"/>
      <c r="N43" s="256"/>
      <c r="O43" s="149" t="s">
        <v>0</v>
      </c>
      <c r="P43" s="148" t="s">
        <v>0</v>
      </c>
      <c r="Q43" s="249"/>
      <c r="R43" s="250"/>
      <c r="S43" s="209"/>
      <c r="T43" s="211"/>
      <c r="U43" s="147"/>
      <c r="V43" s="148"/>
      <c r="W43" s="147" t="s">
        <v>0</v>
      </c>
      <c r="X43" s="149" t="s">
        <v>0</v>
      </c>
      <c r="Y43" s="149"/>
      <c r="Z43" s="148"/>
      <c r="AA43" s="147" t="s">
        <v>0</v>
      </c>
      <c r="AB43" s="149" t="s">
        <v>0</v>
      </c>
      <c r="AC43" s="149"/>
      <c r="AD43" s="148"/>
      <c r="AE43" s="147" t="s">
        <v>0</v>
      </c>
      <c r="AF43" s="149" t="s">
        <v>0</v>
      </c>
      <c r="AG43" s="149"/>
      <c r="AH43" s="148"/>
    </row>
    <row r="44" spans="1:34" ht="15.5" customHeight="1" x14ac:dyDescent="0.2">
      <c r="A44" s="257" t="s">
        <v>56</v>
      </c>
      <c r="B44" s="257"/>
      <c r="C44" s="236" t="s">
        <v>1</v>
      </c>
      <c r="D44" s="236"/>
      <c r="E44" s="236"/>
      <c r="F44" s="236" t="s">
        <v>1</v>
      </c>
      <c r="G44" s="236"/>
      <c r="H44" s="236"/>
      <c r="I44" s="236" t="s">
        <v>2</v>
      </c>
      <c r="J44" s="236"/>
      <c r="K44" s="236"/>
      <c r="L44" s="258" t="s">
        <v>74</v>
      </c>
      <c r="M44" s="259"/>
      <c r="N44" s="259" t="s">
        <v>75</v>
      </c>
      <c r="O44" s="259" t="s">
        <v>76</v>
      </c>
      <c r="P44" s="259"/>
      <c r="Q44" s="260"/>
      <c r="R44" s="258" t="s">
        <v>74</v>
      </c>
      <c r="S44" s="259" t="s">
        <v>75</v>
      </c>
      <c r="T44" s="259" t="s">
        <v>76</v>
      </c>
      <c r="U44" s="259"/>
      <c r="V44" s="259"/>
      <c r="W44" s="260"/>
      <c r="X44" s="257" t="s">
        <v>56</v>
      </c>
      <c r="Y44" s="257"/>
      <c r="Z44" s="236" t="s">
        <v>1</v>
      </c>
      <c r="AA44" s="236"/>
      <c r="AB44" s="236"/>
      <c r="AC44" s="236" t="s">
        <v>1</v>
      </c>
      <c r="AD44" s="236"/>
      <c r="AE44" s="236"/>
      <c r="AF44" s="236" t="s">
        <v>2</v>
      </c>
      <c r="AG44" s="236"/>
      <c r="AH44" s="236"/>
    </row>
    <row r="45" spans="1:34" ht="5" customHeight="1" x14ac:dyDescent="0.2">
      <c r="A45" s="261" t="s">
        <v>45</v>
      </c>
      <c r="B45" s="262"/>
      <c r="C45" s="236"/>
      <c r="D45" s="236"/>
      <c r="E45" s="236"/>
      <c r="F45" s="236"/>
      <c r="G45" s="236"/>
      <c r="H45" s="236"/>
      <c r="I45" s="236"/>
      <c r="J45" s="236"/>
      <c r="K45" s="236"/>
      <c r="L45" s="263"/>
      <c r="M45" s="264"/>
      <c r="N45" s="264"/>
      <c r="O45" s="264"/>
      <c r="P45" s="264"/>
      <c r="Q45" s="265"/>
      <c r="R45" s="263"/>
      <c r="S45" s="264"/>
      <c r="T45" s="264"/>
      <c r="U45" s="264"/>
      <c r="V45" s="264"/>
      <c r="W45" s="265"/>
      <c r="X45" s="261" t="s">
        <v>45</v>
      </c>
      <c r="Y45" s="262"/>
      <c r="Z45" s="236"/>
      <c r="AA45" s="236"/>
      <c r="AB45" s="236"/>
      <c r="AC45" s="236"/>
      <c r="AD45" s="236"/>
      <c r="AE45" s="236"/>
      <c r="AF45" s="236"/>
      <c r="AG45" s="236"/>
      <c r="AH45" s="236"/>
    </row>
    <row r="46" spans="1:34" ht="15" customHeight="1" x14ac:dyDescent="0.2">
      <c r="A46" s="266"/>
      <c r="B46" s="267"/>
      <c r="C46" s="236"/>
      <c r="D46" s="236"/>
      <c r="E46" s="236"/>
      <c r="F46" s="236"/>
      <c r="G46" s="236"/>
      <c r="H46" s="236"/>
      <c r="I46" s="236"/>
      <c r="J46" s="236"/>
      <c r="K46" s="236"/>
      <c r="L46" s="258" t="s">
        <v>74</v>
      </c>
      <c r="M46" s="259"/>
      <c r="N46" s="259" t="s">
        <v>77</v>
      </c>
      <c r="O46" s="259" t="s">
        <v>76</v>
      </c>
      <c r="P46" s="259"/>
      <c r="Q46" s="260"/>
      <c r="R46" s="258" t="s">
        <v>74</v>
      </c>
      <c r="S46" s="259" t="s">
        <v>77</v>
      </c>
      <c r="T46" s="259" t="s">
        <v>76</v>
      </c>
      <c r="U46" s="259"/>
      <c r="V46" s="259"/>
      <c r="W46" s="260"/>
      <c r="X46" s="266"/>
      <c r="Y46" s="267"/>
      <c r="Z46" s="236"/>
      <c r="AA46" s="236"/>
      <c r="AB46" s="236"/>
      <c r="AC46" s="236"/>
      <c r="AD46" s="236"/>
      <c r="AE46" s="236"/>
      <c r="AF46" s="236"/>
      <c r="AG46" s="236"/>
      <c r="AH46" s="236"/>
    </row>
    <row r="47" spans="1:34" ht="5" customHeight="1" x14ac:dyDescent="0.2">
      <c r="A47" s="268"/>
      <c r="B47" s="269"/>
      <c r="C47" s="236"/>
      <c r="D47" s="236"/>
      <c r="E47" s="236"/>
      <c r="F47" s="236"/>
      <c r="G47" s="236"/>
      <c r="H47" s="236"/>
      <c r="I47" s="236"/>
      <c r="J47" s="236"/>
      <c r="K47" s="236"/>
      <c r="L47" s="263"/>
      <c r="M47" s="264"/>
      <c r="N47" s="264"/>
      <c r="O47" s="264"/>
      <c r="P47" s="264"/>
      <c r="Q47" s="265"/>
      <c r="R47" s="263"/>
      <c r="S47" s="264"/>
      <c r="T47" s="264"/>
      <c r="U47" s="264"/>
      <c r="V47" s="264"/>
      <c r="W47" s="265"/>
      <c r="X47" s="268"/>
      <c r="Y47" s="269"/>
      <c r="Z47" s="236"/>
      <c r="AA47" s="236"/>
      <c r="AB47" s="236"/>
      <c r="AC47" s="236"/>
      <c r="AD47" s="236"/>
      <c r="AE47" s="236"/>
      <c r="AF47" s="236"/>
      <c r="AG47" s="236"/>
      <c r="AH47" s="236"/>
    </row>
    <row r="48" spans="1:34" ht="12.75" customHeight="1" x14ac:dyDescent="0.2">
      <c r="A48" s="233" t="s">
        <v>11</v>
      </c>
      <c r="B48" s="234"/>
      <c r="C48" s="234"/>
      <c r="D48" s="235"/>
      <c r="E48" s="236" t="s">
        <v>4</v>
      </c>
      <c r="F48" s="236"/>
      <c r="G48" s="236"/>
      <c r="H48" s="236"/>
      <c r="I48" s="236"/>
      <c r="J48" s="236"/>
      <c r="K48" s="236" t="s">
        <v>5</v>
      </c>
      <c r="L48" s="236"/>
      <c r="M48" s="236"/>
      <c r="N48" s="236"/>
      <c r="O48" s="236"/>
      <c r="P48" s="236"/>
      <c r="Q48" s="237" t="s">
        <v>10</v>
      </c>
      <c r="R48" s="238"/>
      <c r="S48" s="233" t="s">
        <v>11</v>
      </c>
      <c r="T48" s="234"/>
      <c r="U48" s="234"/>
      <c r="V48" s="235"/>
      <c r="W48" s="236" t="s">
        <v>4</v>
      </c>
      <c r="X48" s="236"/>
      <c r="Y48" s="236"/>
      <c r="Z48" s="236"/>
      <c r="AA48" s="236"/>
      <c r="AB48" s="236"/>
      <c r="AC48" s="236" t="s">
        <v>5</v>
      </c>
      <c r="AD48" s="236"/>
      <c r="AE48" s="236"/>
      <c r="AF48" s="236"/>
      <c r="AG48" s="236"/>
      <c r="AH48" s="236"/>
    </row>
    <row r="49" spans="1:34" ht="12.75" customHeight="1" x14ac:dyDescent="0.2">
      <c r="A49" s="239" t="s">
        <v>23</v>
      </c>
      <c r="B49" s="240"/>
      <c r="C49" s="240"/>
      <c r="D49" s="241"/>
      <c r="E49" s="236"/>
      <c r="F49" s="236"/>
      <c r="G49" s="236"/>
      <c r="H49" s="236"/>
      <c r="I49" s="236"/>
      <c r="J49" s="236"/>
      <c r="K49" s="236"/>
      <c r="L49" s="236"/>
      <c r="M49" s="236"/>
      <c r="N49" s="236"/>
      <c r="O49" s="236"/>
      <c r="P49" s="236"/>
      <c r="Q49" s="236"/>
      <c r="R49" s="236"/>
      <c r="S49" s="239" t="s">
        <v>23</v>
      </c>
      <c r="T49" s="240"/>
      <c r="U49" s="240"/>
      <c r="V49" s="241"/>
      <c r="W49" s="236"/>
      <c r="X49" s="236"/>
      <c r="Y49" s="236"/>
      <c r="Z49" s="236"/>
      <c r="AA49" s="236"/>
      <c r="AB49" s="236"/>
      <c r="AC49" s="236"/>
      <c r="AD49" s="236"/>
      <c r="AE49" s="236"/>
      <c r="AF49" s="236"/>
      <c r="AG49" s="236"/>
      <c r="AH49" s="236"/>
    </row>
    <row r="50" spans="1:34" ht="13" customHeight="1" x14ac:dyDescent="0.2">
      <c r="A50" s="199" t="s">
        <v>80</v>
      </c>
      <c r="B50" s="201" t="s">
        <v>79</v>
      </c>
      <c r="C50" s="242"/>
      <c r="D50" s="243"/>
      <c r="E50" s="243"/>
      <c r="F50" s="243"/>
      <c r="G50" s="243"/>
      <c r="H50" s="244"/>
      <c r="I50" s="242"/>
      <c r="J50" s="244"/>
      <c r="K50" s="242"/>
      <c r="L50" s="244"/>
      <c r="M50" s="242"/>
      <c r="N50" s="244"/>
      <c r="O50" s="242"/>
      <c r="P50" s="244"/>
      <c r="Q50" s="245" t="s">
        <v>67</v>
      </c>
      <c r="R50" s="246"/>
      <c r="S50" s="199" t="s">
        <v>80</v>
      </c>
      <c r="T50" s="201" t="s">
        <v>79</v>
      </c>
      <c r="U50" s="242"/>
      <c r="V50" s="243"/>
      <c r="W50" s="243"/>
      <c r="X50" s="243"/>
      <c r="Y50" s="243"/>
      <c r="Z50" s="244"/>
      <c r="AA50" s="242"/>
      <c r="AB50" s="244"/>
      <c r="AC50" s="242"/>
      <c r="AD50" s="244"/>
      <c r="AE50" s="242"/>
      <c r="AF50" s="244"/>
      <c r="AG50" s="242"/>
      <c r="AH50" s="244"/>
    </row>
    <row r="51" spans="1:34" ht="13" customHeight="1" x14ac:dyDescent="0.2">
      <c r="A51" s="209"/>
      <c r="B51" s="211"/>
      <c r="C51" s="247"/>
      <c r="D51" s="248"/>
      <c r="E51" s="247"/>
      <c r="F51" s="248"/>
      <c r="G51" s="247"/>
      <c r="H51" s="248"/>
      <c r="I51" s="247"/>
      <c r="J51" s="248"/>
      <c r="K51" s="247"/>
      <c r="L51" s="248"/>
      <c r="M51" s="247"/>
      <c r="N51" s="248"/>
      <c r="O51" s="247"/>
      <c r="P51" s="248"/>
      <c r="Q51" s="249"/>
      <c r="R51" s="250"/>
      <c r="S51" s="209"/>
      <c r="T51" s="211"/>
      <c r="U51" s="247"/>
      <c r="V51" s="248"/>
      <c r="W51" s="247"/>
      <c r="X51" s="248"/>
      <c r="Y51" s="247"/>
      <c r="Z51" s="248"/>
      <c r="AA51" s="247"/>
      <c r="AB51" s="248"/>
      <c r="AC51" s="247"/>
      <c r="AD51" s="248"/>
      <c r="AE51" s="247"/>
      <c r="AF51" s="248"/>
      <c r="AG51" s="247"/>
      <c r="AH51" s="248"/>
    </row>
    <row r="52" spans="1:34" ht="13" customHeight="1" x14ac:dyDescent="0.2">
      <c r="A52" s="199" t="s">
        <v>80</v>
      </c>
      <c r="B52" s="201" t="s">
        <v>79</v>
      </c>
      <c r="C52" s="242"/>
      <c r="D52" s="243"/>
      <c r="E52" s="243"/>
      <c r="F52" s="243"/>
      <c r="G52" s="243"/>
      <c r="H52" s="244"/>
      <c r="I52" s="242"/>
      <c r="J52" s="244"/>
      <c r="K52" s="242"/>
      <c r="L52" s="244"/>
      <c r="M52" s="242"/>
      <c r="N52" s="244"/>
      <c r="O52" s="242"/>
      <c r="P52" s="244"/>
      <c r="Q52" s="245" t="s">
        <v>68</v>
      </c>
      <c r="R52" s="246"/>
      <c r="S52" s="199" t="s">
        <v>80</v>
      </c>
      <c r="T52" s="201" t="s">
        <v>79</v>
      </c>
      <c r="U52" s="242"/>
      <c r="V52" s="243"/>
      <c r="W52" s="243"/>
      <c r="X52" s="243"/>
      <c r="Y52" s="243"/>
      <c r="Z52" s="244"/>
      <c r="AA52" s="242"/>
      <c r="AB52" s="244"/>
      <c r="AC52" s="242"/>
      <c r="AD52" s="244"/>
      <c r="AE52" s="242"/>
      <c r="AF52" s="244"/>
      <c r="AG52" s="242"/>
      <c r="AH52" s="244"/>
    </row>
    <row r="53" spans="1:34" ht="13" customHeight="1" x14ac:dyDescent="0.2">
      <c r="A53" s="209"/>
      <c r="B53" s="211"/>
      <c r="C53" s="247"/>
      <c r="D53" s="248"/>
      <c r="E53" s="247"/>
      <c r="F53" s="248"/>
      <c r="G53" s="247"/>
      <c r="H53" s="248"/>
      <c r="I53" s="247"/>
      <c r="J53" s="248"/>
      <c r="K53" s="247"/>
      <c r="L53" s="248"/>
      <c r="M53" s="247"/>
      <c r="N53" s="248"/>
      <c r="O53" s="247"/>
      <c r="P53" s="248"/>
      <c r="Q53" s="249"/>
      <c r="R53" s="250"/>
      <c r="S53" s="209"/>
      <c r="T53" s="211"/>
      <c r="U53" s="247"/>
      <c r="V53" s="248"/>
      <c r="W53" s="247"/>
      <c r="X53" s="248"/>
      <c r="Y53" s="247"/>
      <c r="Z53" s="248"/>
      <c r="AA53" s="247"/>
      <c r="AB53" s="248"/>
      <c r="AC53" s="247"/>
      <c r="AD53" s="248"/>
      <c r="AE53" s="247"/>
      <c r="AF53" s="248"/>
      <c r="AG53" s="247"/>
      <c r="AH53" s="248"/>
    </row>
    <row r="54" spans="1:34" ht="13" customHeight="1" x14ac:dyDescent="0.2">
      <c r="A54" s="199" t="s">
        <v>80</v>
      </c>
      <c r="B54" s="201" t="s">
        <v>79</v>
      </c>
      <c r="C54" s="242"/>
      <c r="D54" s="243"/>
      <c r="E54" s="243"/>
      <c r="F54" s="243"/>
      <c r="G54" s="243"/>
      <c r="H54" s="244"/>
      <c r="I54" s="242"/>
      <c r="J54" s="244"/>
      <c r="K54" s="242"/>
      <c r="L54" s="244"/>
      <c r="M54" s="242"/>
      <c r="N54" s="244"/>
      <c r="O54" s="242"/>
      <c r="P54" s="244"/>
      <c r="Q54" s="245" t="s">
        <v>69</v>
      </c>
      <c r="R54" s="246"/>
      <c r="S54" s="199" t="s">
        <v>80</v>
      </c>
      <c r="T54" s="201" t="s">
        <v>79</v>
      </c>
      <c r="U54" s="242"/>
      <c r="V54" s="243"/>
      <c r="W54" s="243"/>
      <c r="X54" s="243"/>
      <c r="Y54" s="243"/>
      <c r="Z54" s="244"/>
      <c r="AA54" s="242"/>
      <c r="AB54" s="244"/>
      <c r="AC54" s="242"/>
      <c r="AD54" s="244"/>
      <c r="AE54" s="242"/>
      <c r="AF54" s="244"/>
      <c r="AG54" s="242"/>
      <c r="AH54" s="244"/>
    </row>
    <row r="55" spans="1:34" ht="13" customHeight="1" x14ac:dyDescent="0.2">
      <c r="A55" s="209"/>
      <c r="B55" s="211"/>
      <c r="C55" s="247"/>
      <c r="D55" s="248"/>
      <c r="E55" s="247"/>
      <c r="F55" s="248"/>
      <c r="G55" s="247"/>
      <c r="H55" s="248"/>
      <c r="I55" s="247"/>
      <c r="J55" s="248"/>
      <c r="K55" s="247"/>
      <c r="L55" s="248"/>
      <c r="M55" s="247"/>
      <c r="N55" s="248"/>
      <c r="O55" s="247"/>
      <c r="P55" s="248"/>
      <c r="Q55" s="249"/>
      <c r="R55" s="250"/>
      <c r="S55" s="209"/>
      <c r="T55" s="211"/>
      <c r="U55" s="247"/>
      <c r="V55" s="248"/>
      <c r="W55" s="247"/>
      <c r="X55" s="248"/>
      <c r="Y55" s="247"/>
      <c r="Z55" s="248"/>
      <c r="AA55" s="247"/>
      <c r="AB55" s="248"/>
      <c r="AC55" s="247"/>
      <c r="AD55" s="248"/>
      <c r="AE55" s="247"/>
      <c r="AF55" s="248"/>
      <c r="AG55" s="247"/>
      <c r="AH55" s="248"/>
    </row>
    <row r="56" spans="1:34" ht="13" customHeight="1" x14ac:dyDescent="0.2">
      <c r="A56" s="199" t="s">
        <v>80</v>
      </c>
      <c r="B56" s="201" t="s">
        <v>79</v>
      </c>
      <c r="C56" s="242"/>
      <c r="D56" s="243"/>
      <c r="E56" s="243"/>
      <c r="F56" s="243"/>
      <c r="G56" s="243"/>
      <c r="H56" s="244"/>
      <c r="I56" s="242"/>
      <c r="J56" s="244"/>
      <c r="K56" s="242"/>
      <c r="L56" s="244"/>
      <c r="M56" s="242"/>
      <c r="N56" s="244"/>
      <c r="O56" s="242"/>
      <c r="P56" s="244"/>
      <c r="Q56" s="245" t="s">
        <v>70</v>
      </c>
      <c r="R56" s="246"/>
      <c r="S56" s="199" t="s">
        <v>80</v>
      </c>
      <c r="T56" s="201" t="s">
        <v>79</v>
      </c>
      <c r="U56" s="242"/>
      <c r="V56" s="243"/>
      <c r="W56" s="243"/>
      <c r="X56" s="243"/>
      <c r="Y56" s="243"/>
      <c r="Z56" s="244"/>
      <c r="AA56" s="242"/>
      <c r="AB56" s="244"/>
      <c r="AC56" s="242"/>
      <c r="AD56" s="244"/>
      <c r="AE56" s="242"/>
      <c r="AF56" s="244"/>
      <c r="AG56" s="242"/>
      <c r="AH56" s="244"/>
    </row>
    <row r="57" spans="1:34" ht="13" customHeight="1" x14ac:dyDescent="0.2">
      <c r="A57" s="209"/>
      <c r="B57" s="211"/>
      <c r="C57" s="247"/>
      <c r="D57" s="248"/>
      <c r="E57" s="247"/>
      <c r="F57" s="248"/>
      <c r="G57" s="247"/>
      <c r="H57" s="248"/>
      <c r="I57" s="247"/>
      <c r="J57" s="248"/>
      <c r="K57" s="247"/>
      <c r="L57" s="248"/>
      <c r="M57" s="247"/>
      <c r="N57" s="248"/>
      <c r="O57" s="247"/>
      <c r="P57" s="248"/>
      <c r="Q57" s="249"/>
      <c r="R57" s="250"/>
      <c r="S57" s="209"/>
      <c r="T57" s="211"/>
      <c r="U57" s="247"/>
      <c r="V57" s="248"/>
      <c r="W57" s="247"/>
      <c r="X57" s="248"/>
      <c r="Y57" s="247"/>
      <c r="Z57" s="248"/>
      <c r="AA57" s="247"/>
      <c r="AB57" s="248"/>
      <c r="AC57" s="247"/>
      <c r="AD57" s="248"/>
      <c r="AE57" s="247"/>
      <c r="AF57" s="248"/>
      <c r="AG57" s="247"/>
      <c r="AH57" s="248"/>
    </row>
    <row r="58" spans="1:34" ht="13" customHeight="1" x14ac:dyDescent="0.2">
      <c r="A58" s="199" t="s">
        <v>80</v>
      </c>
      <c r="B58" s="201" t="s">
        <v>79</v>
      </c>
      <c r="C58" s="242"/>
      <c r="D58" s="243"/>
      <c r="E58" s="243"/>
      <c r="F58" s="243"/>
      <c r="G58" s="243"/>
      <c r="H58" s="244"/>
      <c r="I58" s="242"/>
      <c r="J58" s="244"/>
      <c r="K58" s="242"/>
      <c r="L58" s="244"/>
      <c r="M58" s="242"/>
      <c r="N58" s="244"/>
      <c r="O58" s="242"/>
      <c r="P58" s="244"/>
      <c r="Q58" s="245" t="s">
        <v>71</v>
      </c>
      <c r="R58" s="246"/>
      <c r="S58" s="199" t="s">
        <v>80</v>
      </c>
      <c r="T58" s="201" t="s">
        <v>79</v>
      </c>
      <c r="U58" s="242"/>
      <c r="V58" s="243"/>
      <c r="W58" s="243"/>
      <c r="X58" s="243"/>
      <c r="Y58" s="243"/>
      <c r="Z58" s="244"/>
      <c r="AA58" s="242"/>
      <c r="AB58" s="244"/>
      <c r="AC58" s="242"/>
      <c r="AD58" s="244"/>
      <c r="AE58" s="242"/>
      <c r="AF58" s="244"/>
      <c r="AG58" s="242"/>
      <c r="AH58" s="244"/>
    </row>
    <row r="59" spans="1:34" ht="13" customHeight="1" x14ac:dyDescent="0.2">
      <c r="A59" s="209"/>
      <c r="B59" s="211"/>
      <c r="C59" s="247"/>
      <c r="D59" s="248"/>
      <c r="E59" s="247"/>
      <c r="F59" s="248"/>
      <c r="G59" s="247"/>
      <c r="H59" s="248"/>
      <c r="I59" s="247"/>
      <c r="J59" s="248"/>
      <c r="K59" s="247"/>
      <c r="L59" s="248"/>
      <c r="M59" s="247"/>
      <c r="N59" s="248"/>
      <c r="O59" s="247"/>
      <c r="P59" s="248"/>
      <c r="Q59" s="249"/>
      <c r="R59" s="250"/>
      <c r="S59" s="209"/>
      <c r="T59" s="211"/>
      <c r="U59" s="247"/>
      <c r="V59" s="248"/>
      <c r="W59" s="247"/>
      <c r="X59" s="248"/>
      <c r="Y59" s="247"/>
      <c r="Z59" s="248"/>
      <c r="AA59" s="247"/>
      <c r="AB59" s="248"/>
      <c r="AC59" s="247"/>
      <c r="AD59" s="248"/>
      <c r="AE59" s="247"/>
      <c r="AF59" s="248"/>
      <c r="AG59" s="247"/>
      <c r="AH59" s="248"/>
    </row>
    <row r="60" spans="1:34" ht="13" customHeight="1" x14ac:dyDescent="0.2">
      <c r="A60" s="199" t="s">
        <v>80</v>
      </c>
      <c r="B60" s="201" t="s">
        <v>79</v>
      </c>
      <c r="C60" s="242"/>
      <c r="D60" s="243"/>
      <c r="E60" s="243"/>
      <c r="F60" s="243"/>
      <c r="G60" s="243"/>
      <c r="H60" s="244"/>
      <c r="I60" s="242"/>
      <c r="J60" s="244"/>
      <c r="K60" s="242"/>
      <c r="L60" s="244"/>
      <c r="M60" s="242"/>
      <c r="N60" s="244"/>
      <c r="O60" s="242"/>
      <c r="P60" s="244"/>
      <c r="Q60" s="245" t="s">
        <v>72</v>
      </c>
      <c r="R60" s="246"/>
      <c r="S60" s="199" t="s">
        <v>80</v>
      </c>
      <c r="T60" s="201" t="s">
        <v>79</v>
      </c>
      <c r="U60" s="242"/>
      <c r="V60" s="243"/>
      <c r="W60" s="243"/>
      <c r="X60" s="243"/>
      <c r="Y60" s="243"/>
      <c r="Z60" s="244"/>
      <c r="AA60" s="242"/>
      <c r="AB60" s="244"/>
      <c r="AC60" s="242"/>
      <c r="AD60" s="244"/>
      <c r="AE60" s="242"/>
      <c r="AF60" s="244"/>
      <c r="AG60" s="242"/>
      <c r="AH60" s="244"/>
    </row>
    <row r="61" spans="1:34" ht="13" customHeight="1" x14ac:dyDescent="0.2">
      <c r="A61" s="209"/>
      <c r="B61" s="211"/>
      <c r="C61" s="247"/>
      <c r="D61" s="248"/>
      <c r="E61" s="247"/>
      <c r="F61" s="248"/>
      <c r="G61" s="247"/>
      <c r="H61" s="248"/>
      <c r="I61" s="247"/>
      <c r="J61" s="248"/>
      <c r="K61" s="247"/>
      <c r="L61" s="248"/>
      <c r="M61" s="247"/>
      <c r="N61" s="248"/>
      <c r="O61" s="247"/>
      <c r="P61" s="248"/>
      <c r="Q61" s="249"/>
      <c r="R61" s="250"/>
      <c r="S61" s="209"/>
      <c r="T61" s="211"/>
      <c r="U61" s="247"/>
      <c r="V61" s="248"/>
      <c r="W61" s="247"/>
      <c r="X61" s="248"/>
      <c r="Y61" s="247"/>
      <c r="Z61" s="248"/>
      <c r="AA61" s="247"/>
      <c r="AB61" s="248"/>
      <c r="AC61" s="247"/>
      <c r="AD61" s="248"/>
      <c r="AE61" s="247"/>
      <c r="AF61" s="248"/>
      <c r="AG61" s="247"/>
      <c r="AH61" s="248"/>
    </row>
    <row r="62" spans="1:34" ht="13" customHeight="1" x14ac:dyDescent="0.2">
      <c r="A62" s="199" t="s">
        <v>78</v>
      </c>
      <c r="B62" s="201" t="s">
        <v>79</v>
      </c>
      <c r="C62" s="128" t="s">
        <v>0</v>
      </c>
      <c r="D62" s="129" t="s">
        <v>0</v>
      </c>
      <c r="E62" s="242"/>
      <c r="F62" s="243"/>
      <c r="G62" s="130" t="s">
        <v>0</v>
      </c>
      <c r="H62" s="129" t="s">
        <v>0</v>
      </c>
      <c r="I62" s="242"/>
      <c r="J62" s="243"/>
      <c r="K62" s="130" t="s">
        <v>0</v>
      </c>
      <c r="L62" s="129" t="s">
        <v>0</v>
      </c>
      <c r="M62" s="242"/>
      <c r="N62" s="243"/>
      <c r="O62" s="130" t="s">
        <v>0</v>
      </c>
      <c r="P62" s="129" t="s">
        <v>0</v>
      </c>
      <c r="Q62" s="245" t="s">
        <v>73</v>
      </c>
      <c r="R62" s="246"/>
      <c r="S62" s="199" t="s">
        <v>78</v>
      </c>
      <c r="T62" s="201" t="s">
        <v>79</v>
      </c>
      <c r="U62" s="128"/>
      <c r="V62" s="129"/>
      <c r="W62" s="128" t="s">
        <v>0</v>
      </c>
      <c r="X62" s="130" t="s">
        <v>0</v>
      </c>
      <c r="Y62" s="130"/>
      <c r="Z62" s="129"/>
      <c r="AA62" s="128" t="s">
        <v>0</v>
      </c>
      <c r="AB62" s="130" t="s">
        <v>0</v>
      </c>
      <c r="AC62" s="130"/>
      <c r="AD62" s="129"/>
      <c r="AE62" s="128" t="s">
        <v>0</v>
      </c>
      <c r="AF62" s="130" t="s">
        <v>0</v>
      </c>
      <c r="AG62" s="130"/>
      <c r="AH62" s="129"/>
    </row>
    <row r="63" spans="1:34" ht="13" customHeight="1" x14ac:dyDescent="0.2">
      <c r="A63" s="270"/>
      <c r="B63" s="271"/>
      <c r="C63" s="251"/>
      <c r="D63" s="252"/>
      <c r="E63" s="138" t="s">
        <v>0</v>
      </c>
      <c r="F63" s="139" t="s">
        <v>0</v>
      </c>
      <c r="G63" s="251"/>
      <c r="H63" s="252"/>
      <c r="I63" s="138" t="s">
        <v>0</v>
      </c>
      <c r="J63" s="139" t="s">
        <v>0</v>
      </c>
      <c r="K63" s="251"/>
      <c r="L63" s="252"/>
      <c r="M63" s="138" t="s">
        <v>0</v>
      </c>
      <c r="N63" s="139" t="s">
        <v>0</v>
      </c>
      <c r="O63" s="251"/>
      <c r="P63" s="253"/>
      <c r="Q63" s="254"/>
      <c r="R63" s="255"/>
      <c r="S63" s="270"/>
      <c r="T63" s="271"/>
      <c r="U63" s="137" t="s">
        <v>0</v>
      </c>
      <c r="V63" s="138" t="s">
        <v>0</v>
      </c>
      <c r="W63" s="138"/>
      <c r="X63" s="139"/>
      <c r="Y63" s="137" t="s">
        <v>0</v>
      </c>
      <c r="Z63" s="138" t="s">
        <v>0</v>
      </c>
      <c r="AA63" s="138"/>
      <c r="AB63" s="139"/>
      <c r="AC63" s="137" t="s">
        <v>0</v>
      </c>
      <c r="AD63" s="138" t="s">
        <v>0</v>
      </c>
      <c r="AE63" s="138"/>
      <c r="AF63" s="139"/>
      <c r="AG63" s="137" t="s">
        <v>0</v>
      </c>
      <c r="AH63" s="129" t="s">
        <v>0</v>
      </c>
    </row>
    <row r="64" spans="1:34" ht="13" customHeight="1" x14ac:dyDescent="0.2">
      <c r="A64" s="209"/>
      <c r="B64" s="211"/>
      <c r="C64" s="147" t="s">
        <v>0</v>
      </c>
      <c r="D64" s="148" t="s">
        <v>0</v>
      </c>
      <c r="E64" s="247"/>
      <c r="F64" s="256"/>
      <c r="G64" s="149" t="s">
        <v>0</v>
      </c>
      <c r="H64" s="148" t="s">
        <v>0</v>
      </c>
      <c r="I64" s="247"/>
      <c r="J64" s="256"/>
      <c r="K64" s="149" t="s">
        <v>0</v>
      </c>
      <c r="L64" s="148" t="s">
        <v>0</v>
      </c>
      <c r="M64" s="247"/>
      <c r="N64" s="256"/>
      <c r="O64" s="149" t="s">
        <v>0</v>
      </c>
      <c r="P64" s="148" t="s">
        <v>0</v>
      </c>
      <c r="Q64" s="249"/>
      <c r="R64" s="250"/>
      <c r="S64" s="209"/>
      <c r="T64" s="211"/>
      <c r="U64" s="147"/>
      <c r="V64" s="148"/>
      <c r="W64" s="147" t="s">
        <v>0</v>
      </c>
      <c r="X64" s="149" t="s">
        <v>0</v>
      </c>
      <c r="Y64" s="149"/>
      <c r="Z64" s="148"/>
      <c r="AA64" s="147" t="s">
        <v>0</v>
      </c>
      <c r="AB64" s="149" t="s">
        <v>0</v>
      </c>
      <c r="AC64" s="149"/>
      <c r="AD64" s="148"/>
      <c r="AE64" s="147" t="s">
        <v>0</v>
      </c>
      <c r="AF64" s="149" t="s">
        <v>0</v>
      </c>
      <c r="AG64" s="149"/>
      <c r="AH64" s="148"/>
    </row>
    <row r="65" spans="1:38" ht="15.5" customHeight="1" x14ac:dyDescent="0.2">
      <c r="A65" s="257" t="s">
        <v>56</v>
      </c>
      <c r="B65" s="257"/>
      <c r="C65" s="236" t="s">
        <v>1</v>
      </c>
      <c r="D65" s="236"/>
      <c r="E65" s="236"/>
      <c r="F65" s="236" t="s">
        <v>1</v>
      </c>
      <c r="G65" s="236"/>
      <c r="H65" s="236"/>
      <c r="I65" s="236" t="s">
        <v>2</v>
      </c>
      <c r="J65" s="236"/>
      <c r="K65" s="236"/>
      <c r="L65" s="258" t="s">
        <v>74</v>
      </c>
      <c r="M65" s="259"/>
      <c r="N65" s="259" t="s">
        <v>75</v>
      </c>
      <c r="O65" s="259" t="s">
        <v>76</v>
      </c>
      <c r="P65" s="259"/>
      <c r="Q65" s="260"/>
      <c r="R65" s="258" t="s">
        <v>74</v>
      </c>
      <c r="S65" s="259" t="s">
        <v>75</v>
      </c>
      <c r="T65" s="259" t="s">
        <v>76</v>
      </c>
      <c r="U65" s="259"/>
      <c r="V65" s="259"/>
      <c r="W65" s="260"/>
      <c r="X65" s="257" t="s">
        <v>56</v>
      </c>
      <c r="Y65" s="257"/>
      <c r="Z65" s="236" t="s">
        <v>1</v>
      </c>
      <c r="AA65" s="236"/>
      <c r="AB65" s="236"/>
      <c r="AC65" s="236" t="s">
        <v>1</v>
      </c>
      <c r="AD65" s="236"/>
      <c r="AE65" s="236"/>
      <c r="AF65" s="236" t="s">
        <v>2</v>
      </c>
      <c r="AG65" s="236"/>
      <c r="AH65" s="236"/>
    </row>
    <row r="66" spans="1:38" ht="5" customHeight="1" x14ac:dyDescent="0.2">
      <c r="A66" s="261" t="s">
        <v>45</v>
      </c>
      <c r="B66" s="262"/>
      <c r="C66" s="236"/>
      <c r="D66" s="236"/>
      <c r="E66" s="236"/>
      <c r="F66" s="236"/>
      <c r="G66" s="236"/>
      <c r="H66" s="236"/>
      <c r="I66" s="236"/>
      <c r="J66" s="236"/>
      <c r="K66" s="236"/>
      <c r="L66" s="263"/>
      <c r="M66" s="264"/>
      <c r="N66" s="264"/>
      <c r="O66" s="264"/>
      <c r="P66" s="264"/>
      <c r="Q66" s="265"/>
      <c r="R66" s="263"/>
      <c r="S66" s="264"/>
      <c r="T66" s="264"/>
      <c r="U66" s="264"/>
      <c r="V66" s="264"/>
      <c r="W66" s="265"/>
      <c r="X66" s="261" t="s">
        <v>45</v>
      </c>
      <c r="Y66" s="262"/>
      <c r="Z66" s="236"/>
      <c r="AA66" s="236"/>
      <c r="AB66" s="236"/>
      <c r="AC66" s="236"/>
      <c r="AD66" s="236"/>
      <c r="AE66" s="236"/>
      <c r="AF66" s="236"/>
      <c r="AG66" s="236"/>
      <c r="AH66" s="236"/>
    </row>
    <row r="67" spans="1:38" ht="15" customHeight="1" x14ac:dyDescent="0.2">
      <c r="A67" s="266"/>
      <c r="B67" s="267"/>
      <c r="C67" s="236"/>
      <c r="D67" s="236"/>
      <c r="E67" s="236"/>
      <c r="F67" s="236"/>
      <c r="G67" s="236"/>
      <c r="H67" s="236"/>
      <c r="I67" s="236"/>
      <c r="J67" s="236"/>
      <c r="K67" s="236"/>
      <c r="L67" s="258" t="s">
        <v>74</v>
      </c>
      <c r="M67" s="259"/>
      <c r="N67" s="259" t="s">
        <v>77</v>
      </c>
      <c r="O67" s="259" t="s">
        <v>76</v>
      </c>
      <c r="P67" s="259"/>
      <c r="Q67" s="260"/>
      <c r="R67" s="258" t="s">
        <v>74</v>
      </c>
      <c r="S67" s="259" t="s">
        <v>77</v>
      </c>
      <c r="T67" s="259" t="s">
        <v>76</v>
      </c>
      <c r="U67" s="259"/>
      <c r="V67" s="259"/>
      <c r="W67" s="260"/>
      <c r="X67" s="266"/>
      <c r="Y67" s="267"/>
      <c r="Z67" s="236"/>
      <c r="AA67" s="236"/>
      <c r="AB67" s="236"/>
      <c r="AC67" s="236"/>
      <c r="AD67" s="236"/>
      <c r="AE67" s="236"/>
      <c r="AF67" s="236"/>
      <c r="AG67" s="236"/>
      <c r="AH67" s="236"/>
    </row>
    <row r="68" spans="1:38" ht="5" customHeight="1" x14ac:dyDescent="0.2">
      <c r="A68" s="268"/>
      <c r="B68" s="269"/>
      <c r="C68" s="236"/>
      <c r="D68" s="236"/>
      <c r="E68" s="236"/>
      <c r="F68" s="236"/>
      <c r="G68" s="236"/>
      <c r="H68" s="236"/>
      <c r="I68" s="236"/>
      <c r="J68" s="236"/>
      <c r="K68" s="236"/>
      <c r="L68" s="263"/>
      <c r="M68" s="264"/>
      <c r="N68" s="264"/>
      <c r="O68" s="264"/>
      <c r="P68" s="264"/>
      <c r="Q68" s="265"/>
      <c r="R68" s="263"/>
      <c r="S68" s="264"/>
      <c r="T68" s="264"/>
      <c r="U68" s="264"/>
      <c r="V68" s="264"/>
      <c r="W68" s="265"/>
      <c r="X68" s="268"/>
      <c r="Y68" s="269"/>
      <c r="Z68" s="236"/>
      <c r="AA68" s="236"/>
      <c r="AB68" s="236"/>
      <c r="AC68" s="236"/>
      <c r="AD68" s="236"/>
      <c r="AE68" s="236"/>
      <c r="AF68" s="236"/>
      <c r="AG68" s="236"/>
      <c r="AH68" s="236"/>
    </row>
    <row r="69" spans="1:38" ht="12.75" customHeight="1" x14ac:dyDescent="0.2">
      <c r="A69" s="272" t="s">
        <v>46</v>
      </c>
      <c r="B69" s="273"/>
      <c r="C69" s="273"/>
      <c r="D69" s="203"/>
      <c r="E69" s="204"/>
      <c r="F69" s="204"/>
      <c r="G69" s="205"/>
      <c r="H69" s="274" t="s">
        <v>81</v>
      </c>
      <c r="I69" s="275"/>
      <c r="J69" s="276"/>
      <c r="K69" s="203"/>
      <c r="L69" s="204"/>
      <c r="M69" s="205"/>
      <c r="N69" s="236" t="s">
        <v>82</v>
      </c>
      <c r="O69" s="236"/>
      <c r="P69" s="236"/>
      <c r="Q69" s="204"/>
      <c r="R69" s="205"/>
      <c r="S69" s="203" t="s">
        <v>83</v>
      </c>
      <c r="T69" s="204"/>
      <c r="U69" s="205"/>
      <c r="V69" s="203"/>
      <c r="W69" s="204"/>
      <c r="X69" s="204"/>
      <c r="Y69" s="204"/>
      <c r="Z69" s="205"/>
      <c r="AA69" s="203" t="s">
        <v>84</v>
      </c>
      <c r="AB69" s="204"/>
      <c r="AC69" s="205"/>
      <c r="AD69" s="203"/>
      <c r="AE69" s="204"/>
      <c r="AF69" s="204"/>
      <c r="AG69" s="204"/>
      <c r="AH69" s="205"/>
    </row>
    <row r="70" spans="1:38" ht="12.75" customHeight="1" x14ac:dyDescent="0.2">
      <c r="A70" s="273"/>
      <c r="B70" s="273"/>
      <c r="C70" s="273"/>
      <c r="D70" s="212"/>
      <c r="E70" s="213"/>
      <c r="F70" s="213"/>
      <c r="G70" s="216"/>
      <c r="H70" s="277"/>
      <c r="I70" s="278"/>
      <c r="J70" s="279"/>
      <c r="K70" s="212"/>
      <c r="L70" s="213"/>
      <c r="M70" s="216"/>
      <c r="N70" s="236"/>
      <c r="O70" s="236"/>
      <c r="P70" s="236"/>
      <c r="Q70" s="213"/>
      <c r="R70" s="216"/>
      <c r="S70" s="212"/>
      <c r="T70" s="213"/>
      <c r="U70" s="216"/>
      <c r="V70" s="212"/>
      <c r="W70" s="213"/>
      <c r="X70" s="213"/>
      <c r="Y70" s="213"/>
      <c r="Z70" s="216"/>
      <c r="AA70" s="212"/>
      <c r="AB70" s="213"/>
      <c r="AC70" s="216"/>
      <c r="AD70" s="212"/>
      <c r="AE70" s="213"/>
      <c r="AF70" s="213"/>
      <c r="AG70" s="213"/>
      <c r="AH70" s="216"/>
    </row>
    <row r="71" spans="1:38" ht="14" x14ac:dyDescent="0.2">
      <c r="A71" s="53" t="s">
        <v>33</v>
      </c>
      <c r="B71" s="53"/>
      <c r="C71" s="53"/>
      <c r="D71" s="53"/>
      <c r="E71" s="53"/>
      <c r="F71" s="53"/>
      <c r="G71" s="53"/>
      <c r="H71" s="53"/>
      <c r="I71" s="53"/>
      <c r="J71" s="53"/>
      <c r="K71" s="53"/>
      <c r="L71" s="53"/>
      <c r="M71" s="53"/>
      <c r="N71" s="53"/>
      <c r="O71" s="53"/>
      <c r="P71" s="53"/>
      <c r="Q71" s="53"/>
      <c r="R71" s="53"/>
      <c r="S71" s="53"/>
      <c r="T71" s="53"/>
      <c r="U71" s="53"/>
      <c r="V71" s="53"/>
      <c r="W71" s="53"/>
      <c r="X71" s="53"/>
      <c r="Y71" s="53"/>
      <c r="Z71" s="53"/>
      <c r="AA71" s="53"/>
      <c r="AB71" s="53"/>
      <c r="AC71" s="53"/>
      <c r="AD71" s="53"/>
      <c r="AE71" s="53"/>
      <c r="AF71" s="53"/>
      <c r="AG71" s="53"/>
      <c r="AH71" s="53"/>
      <c r="AI71" s="197"/>
      <c r="AJ71" s="197"/>
      <c r="AK71" s="197"/>
      <c r="AL71" s="197"/>
    </row>
  </sheetData>
  <mergeCells count="267">
    <mergeCell ref="T65:W66"/>
    <mergeCell ref="X65:Y65"/>
    <mergeCell ref="Z65:AB65"/>
    <mergeCell ref="AC65:AE65"/>
    <mergeCell ref="AF65:AH65"/>
    <mergeCell ref="A66:B68"/>
    <mergeCell ref="C66:E68"/>
    <mergeCell ref="F66:H68"/>
    <mergeCell ref="I66:K68"/>
    <mergeCell ref="X66:Y68"/>
    <mergeCell ref="Z66:AB68"/>
    <mergeCell ref="AC66:AE68"/>
    <mergeCell ref="AF66:AH68"/>
    <mergeCell ref="L67:M68"/>
    <mergeCell ref="N67:N68"/>
    <mergeCell ref="O67:Q68"/>
    <mergeCell ref="R67:R68"/>
    <mergeCell ref="S67:S68"/>
    <mergeCell ref="T67:W68"/>
    <mergeCell ref="A65:B65"/>
    <mergeCell ref="C65:E65"/>
    <mergeCell ref="F65:H65"/>
    <mergeCell ref="I65:K65"/>
    <mergeCell ref="L65:M66"/>
    <mergeCell ref="N65:N66"/>
    <mergeCell ref="O65:Q66"/>
    <mergeCell ref="R65:R66"/>
    <mergeCell ref="S65:S66"/>
    <mergeCell ref="A60:A61"/>
    <mergeCell ref="B60:B61"/>
    <mergeCell ref="Q60:R61"/>
    <mergeCell ref="S60:S61"/>
    <mergeCell ref="T60:T61"/>
    <mergeCell ref="A62:A64"/>
    <mergeCell ref="B62:B64"/>
    <mergeCell ref="Q62:R64"/>
    <mergeCell ref="S62:S64"/>
    <mergeCell ref="T62:T64"/>
    <mergeCell ref="A56:A57"/>
    <mergeCell ref="B56:B57"/>
    <mergeCell ref="Q56:R57"/>
    <mergeCell ref="S56:S57"/>
    <mergeCell ref="T56:T57"/>
    <mergeCell ref="A58:A59"/>
    <mergeCell ref="B58:B59"/>
    <mergeCell ref="Q58:R59"/>
    <mergeCell ref="S58:S59"/>
    <mergeCell ref="T58:T59"/>
    <mergeCell ref="A52:A53"/>
    <mergeCell ref="B52:B53"/>
    <mergeCell ref="Q52:R53"/>
    <mergeCell ref="S52:S53"/>
    <mergeCell ref="T52:T53"/>
    <mergeCell ref="A54:A55"/>
    <mergeCell ref="B54:B55"/>
    <mergeCell ref="Q54:R55"/>
    <mergeCell ref="S54:S55"/>
    <mergeCell ref="T54:T55"/>
    <mergeCell ref="AC48:AC49"/>
    <mergeCell ref="AD48:AH49"/>
    <mergeCell ref="A49:D49"/>
    <mergeCell ref="S49:V49"/>
    <mergeCell ref="A50:A51"/>
    <mergeCell ref="B50:B51"/>
    <mergeCell ref="Q50:R51"/>
    <mergeCell ref="S50:S51"/>
    <mergeCell ref="T50:T51"/>
    <mergeCell ref="A48:D48"/>
    <mergeCell ref="E48:E49"/>
    <mergeCell ref="F48:J49"/>
    <mergeCell ref="K48:K49"/>
    <mergeCell ref="L48:P49"/>
    <mergeCell ref="Q48:R49"/>
    <mergeCell ref="S48:V48"/>
    <mergeCell ref="W48:W49"/>
    <mergeCell ref="X48:AB49"/>
    <mergeCell ref="T44:W45"/>
    <mergeCell ref="X44:Y44"/>
    <mergeCell ref="Z44:AB44"/>
    <mergeCell ref="AC44:AE44"/>
    <mergeCell ref="AF44:AH44"/>
    <mergeCell ref="A45:B47"/>
    <mergeCell ref="C45:E47"/>
    <mergeCell ref="F45:H47"/>
    <mergeCell ref="I45:K47"/>
    <mergeCell ref="X45:Y47"/>
    <mergeCell ref="Z45:AB47"/>
    <mergeCell ref="AC45:AE47"/>
    <mergeCell ref="AF45:AH47"/>
    <mergeCell ref="L46:M47"/>
    <mergeCell ref="N46:N47"/>
    <mergeCell ref="O46:Q47"/>
    <mergeCell ref="R46:R47"/>
    <mergeCell ref="S46:S47"/>
    <mergeCell ref="T46:W47"/>
    <mergeCell ref="A44:B44"/>
    <mergeCell ref="C44:E44"/>
    <mergeCell ref="F44:H44"/>
    <mergeCell ref="I44:K44"/>
    <mergeCell ref="L44:M45"/>
    <mergeCell ref="N44:N45"/>
    <mergeCell ref="O44:Q45"/>
    <mergeCell ref="R44:R45"/>
    <mergeCell ref="S44:S45"/>
    <mergeCell ref="A39:A40"/>
    <mergeCell ref="B39:B40"/>
    <mergeCell ref="Q39:R40"/>
    <mergeCell ref="S39:S40"/>
    <mergeCell ref="T39:T40"/>
    <mergeCell ref="A41:A43"/>
    <mergeCell ref="B41:B43"/>
    <mergeCell ref="Q41:R43"/>
    <mergeCell ref="S41:S43"/>
    <mergeCell ref="T41:T43"/>
    <mergeCell ref="A35:A36"/>
    <mergeCell ref="B35:B36"/>
    <mergeCell ref="Q35:R36"/>
    <mergeCell ref="S35:S36"/>
    <mergeCell ref="T35:T36"/>
    <mergeCell ref="A37:A38"/>
    <mergeCell ref="B37:B38"/>
    <mergeCell ref="Q37:R38"/>
    <mergeCell ref="S37:S38"/>
    <mergeCell ref="T37:T38"/>
    <mergeCell ref="A31:A32"/>
    <mergeCell ref="B31:B32"/>
    <mergeCell ref="Q31:R32"/>
    <mergeCell ref="S31:S32"/>
    <mergeCell ref="T31:T32"/>
    <mergeCell ref="A33:A34"/>
    <mergeCell ref="B33:B34"/>
    <mergeCell ref="Q33:R34"/>
    <mergeCell ref="S33:S34"/>
    <mergeCell ref="T33:T34"/>
    <mergeCell ref="Q27:R28"/>
    <mergeCell ref="S27:V27"/>
    <mergeCell ref="W27:W28"/>
    <mergeCell ref="X27:AB28"/>
    <mergeCell ref="AC27:AC28"/>
    <mergeCell ref="AD27:AH28"/>
    <mergeCell ref="A28:D28"/>
    <mergeCell ref="S28:V28"/>
    <mergeCell ref="A29:A30"/>
    <mergeCell ref="B29:B30"/>
    <mergeCell ref="Q29:R30"/>
    <mergeCell ref="S29:S30"/>
    <mergeCell ref="T29:T30"/>
    <mergeCell ref="A18:A19"/>
    <mergeCell ref="B18:B19"/>
    <mergeCell ref="A20:A22"/>
    <mergeCell ref="B20:B22"/>
    <mergeCell ref="A27:D27"/>
    <mergeCell ref="E27:E28"/>
    <mergeCell ref="F27:J28"/>
    <mergeCell ref="K27:K28"/>
    <mergeCell ref="L27:P28"/>
    <mergeCell ref="A8:A9"/>
    <mergeCell ref="B8:B9"/>
    <mergeCell ref="A10:A11"/>
    <mergeCell ref="B10:B11"/>
    <mergeCell ref="A12:A13"/>
    <mergeCell ref="B12:B13"/>
    <mergeCell ref="A14:A15"/>
    <mergeCell ref="B14:B15"/>
    <mergeCell ref="A16:A17"/>
    <mergeCell ref="B16:B17"/>
    <mergeCell ref="S8:S9"/>
    <mergeCell ref="T8:T9"/>
    <mergeCell ref="S10:S11"/>
    <mergeCell ref="T10:T11"/>
    <mergeCell ref="S12:S13"/>
    <mergeCell ref="T12:T13"/>
    <mergeCell ref="S14:S15"/>
    <mergeCell ref="T14:T15"/>
    <mergeCell ref="S16:S17"/>
    <mergeCell ref="T16:T17"/>
    <mergeCell ref="X24:Y26"/>
    <mergeCell ref="L23:M24"/>
    <mergeCell ref="N23:N24"/>
    <mergeCell ref="O23:Q24"/>
    <mergeCell ref="L25:M26"/>
    <mergeCell ref="N25:N26"/>
    <mergeCell ref="O25:Q26"/>
    <mergeCell ref="R23:R24"/>
    <mergeCell ref="R25:R26"/>
    <mergeCell ref="S23:S24"/>
    <mergeCell ref="S25:S26"/>
    <mergeCell ref="T23:W24"/>
    <mergeCell ref="T25:W26"/>
    <mergeCell ref="R2:R3"/>
    <mergeCell ref="S2:T3"/>
    <mergeCell ref="W2:Y3"/>
    <mergeCell ref="U2:V3"/>
    <mergeCell ref="Z2:AA3"/>
    <mergeCell ref="AB2:AH3"/>
    <mergeCell ref="C4:E5"/>
    <mergeCell ref="A4:B5"/>
    <mergeCell ref="S4:T5"/>
    <mergeCell ref="U4:W5"/>
    <mergeCell ref="Y4:AD5"/>
    <mergeCell ref="AE4:AH5"/>
    <mergeCell ref="M4:P5"/>
    <mergeCell ref="G4:L5"/>
    <mergeCell ref="A2:B3"/>
    <mergeCell ref="C2:D3"/>
    <mergeCell ref="E2:E3"/>
    <mergeCell ref="G2:G3"/>
    <mergeCell ref="I2:I3"/>
    <mergeCell ref="F2:F3"/>
    <mergeCell ref="H2:H3"/>
    <mergeCell ref="N2:O3"/>
    <mergeCell ref="P2:Q3"/>
    <mergeCell ref="S6:V6"/>
    <mergeCell ref="S7:V7"/>
    <mergeCell ref="E6:E7"/>
    <mergeCell ref="A6:D6"/>
    <mergeCell ref="A7:D7"/>
    <mergeCell ref="A24:B26"/>
    <mergeCell ref="S20:S22"/>
    <mergeCell ref="T20:T22"/>
    <mergeCell ref="S18:S19"/>
    <mergeCell ref="T18:T19"/>
    <mergeCell ref="W6:W7"/>
    <mergeCell ref="X6:AB7"/>
    <mergeCell ref="AC6:AC7"/>
    <mergeCell ref="Z23:AB23"/>
    <mergeCell ref="AC23:AE23"/>
    <mergeCell ref="AD6:AH7"/>
    <mergeCell ref="X4:X5"/>
    <mergeCell ref="AD69:AH70"/>
    <mergeCell ref="AA69:AC70"/>
    <mergeCell ref="V69:Z70"/>
    <mergeCell ref="J2:M3"/>
    <mergeCell ref="K69:M70"/>
    <mergeCell ref="S69:U70"/>
    <mergeCell ref="N69:P70"/>
    <mergeCell ref="Q69:R70"/>
    <mergeCell ref="Q4:R5"/>
    <mergeCell ref="F4:F5"/>
    <mergeCell ref="F6:J7"/>
    <mergeCell ref="K6:K7"/>
    <mergeCell ref="A69:C70"/>
    <mergeCell ref="H69:J70"/>
    <mergeCell ref="D69:G70"/>
    <mergeCell ref="AF24:AH26"/>
    <mergeCell ref="A23:B23"/>
    <mergeCell ref="I23:K23"/>
    <mergeCell ref="Z24:AB26"/>
    <mergeCell ref="AC24:AE26"/>
    <mergeCell ref="X23:Y23"/>
    <mergeCell ref="F23:H23"/>
    <mergeCell ref="A71:AH71"/>
    <mergeCell ref="A1:AH1"/>
    <mergeCell ref="Q8:R9"/>
    <mergeCell ref="Q10:R11"/>
    <mergeCell ref="L6:P7"/>
    <mergeCell ref="C24:E26"/>
    <mergeCell ref="F24:H26"/>
    <mergeCell ref="I24:K26"/>
    <mergeCell ref="C23:E23"/>
    <mergeCell ref="Q6:R7"/>
    <mergeCell ref="Q20:R22"/>
    <mergeCell ref="Q16:R17"/>
    <mergeCell ref="Q18:R19"/>
    <mergeCell ref="Q12:R13"/>
    <mergeCell ref="Q14:R15"/>
    <mergeCell ref="AF23:AH23"/>
  </mergeCells>
  <phoneticPr fontId="2"/>
  <printOptions horizontalCentered="1" verticalCentered="1"/>
  <pageMargins left="0" right="0" top="0" bottom="0" header="0.19685039370078741" footer="0.15748031496062992"/>
  <pageSetup paperSize="9" scale="9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個人</vt:lpstr>
      <vt:lpstr>団体</vt:lpstr>
      <vt:lpstr>団体!Print_Area</vt:lpstr>
    </vt:vector>
  </TitlesOfParts>
  <Company>神戸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竹内　敬悟</dc:creator>
  <cp:lastModifiedBy>user</cp:lastModifiedBy>
  <cp:lastPrinted>2023-10-18T06:12:33Z</cp:lastPrinted>
  <dcterms:created xsi:type="dcterms:W3CDTF">2005-07-18T05:24:36Z</dcterms:created>
  <dcterms:modified xsi:type="dcterms:W3CDTF">2023-10-18T06:13:30Z</dcterms:modified>
</cp:coreProperties>
</file>